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fontTable1.xml" ContentType="application/vnd.openxmlformats-officedocument.wordprocessingml.fontTab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72D7996" w14:textId="77777777" w:rsidR="00DB698D" w:rsidRDefault="008C24A6">
      <w:pPr>
        <w:spacing w:before="14" w:line="393" w:lineRule="exact"/>
        <w:ind w:left="432"/>
        <w:textAlignment w:val="baseline"/>
        <w:rPr>
          <w:rFonts w:ascii="Arial" w:eastAsia="Arial" w:hAnsi="Arial"/>
          <w:b/>
          <w:color w:val="000000"/>
          <w:spacing w:val="-55"/>
          <w:w w:val="130"/>
          <w:sz w:val="34"/>
        </w:rPr>
      </w:pPr>
      <w:r>
        <w:rPr>
          <w:noProof/>
        </w:rPr>
        <mc:AlternateContent>
          <mc:Choice Requires="wps">
            <w:drawing>
              <wp:anchor distT="0" distB="0" distL="0" distR="0" simplePos="0" relativeHeight="251653120" behindDoc="1" locked="0" layoutInCell="1" allowOverlap="1" wp14:anchorId="5FB207F3" wp14:editId="4BE7D350">
                <wp:simplePos x="0" y="0"/>
                <wp:positionH relativeFrom="page">
                  <wp:posOffset>5858510</wp:posOffset>
                </wp:positionH>
                <wp:positionV relativeFrom="page">
                  <wp:posOffset>615315</wp:posOffset>
                </wp:positionV>
                <wp:extent cx="3343275" cy="794385"/>
                <wp:effectExtent l="635" t="0" r="0" b="0"/>
                <wp:wrapSquare wrapText="bothSides"/>
                <wp:docPr id="11" name="_x0000_s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43275" cy="794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1AC371BD" w14:textId="77777777" w:rsidR="00DB698D" w:rsidRDefault="00396B31">
                            <w:pPr>
                              <w:spacing w:line="391" w:lineRule="exact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61"/>
                                <w:w w:val="130"/>
                                <w:sz w:val="34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61"/>
                                <w:w w:val="130"/>
                                <w:sz w:val="34"/>
                              </w:rPr>
                              <w:t>PENINSULA WRESTLING CLUB</w:t>
                            </w:r>
                          </w:p>
                          <w:p w14:paraId="56EF1874" w14:textId="77777777" w:rsidR="00DB698D" w:rsidRDefault="00396B31">
                            <w:pPr>
                              <w:spacing w:before="21" w:line="256" w:lineRule="exact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  <w:t>PWC: 451 W. 20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  <w:vertAlign w:val="superscript"/>
                              </w:rPr>
                              <w:t>TH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  <w:t xml:space="preserve"> AVE., SAN MATEO, CA 94403</w:t>
                            </w:r>
                          </w:p>
                          <w:p w14:paraId="2D8A0E35" w14:textId="77777777" w:rsidR="00DB698D" w:rsidRDefault="00AA357F">
                            <w:pPr>
                              <w:spacing w:before="16" w:line="282" w:lineRule="exact"/>
                              <w:ind w:left="1440" w:hanging="432"/>
                              <w:textAlignment w:val="baseline"/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>(925) 997-3795</w:t>
                            </w:r>
                            <w:r w:rsidR="00396B31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 xml:space="preserve"> &amp; (650) </w:t>
                            </w:r>
                            <w:r w:rsidR="009E295C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>667.0186</w:t>
                            </w:r>
                            <w:r w:rsidR="00396B31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 xml:space="preserve"> </w:t>
                            </w:r>
                            <w:hyperlink r:id="rId6" w:history="1">
                              <w:r w:rsidR="00975182" w:rsidRPr="001D4F90">
                                <w:rPr>
                                  <w:rStyle w:val="Hyperlink"/>
                                </w:rPr>
                                <w:t>http://www.peninsulawrestlingclub.com</w:t>
                              </w:r>
                            </w:hyperlink>
                          </w:p>
                          <w:p w14:paraId="244FC898" w14:textId="77777777" w:rsidR="00AA357F" w:rsidRDefault="00AA357F">
                            <w:pPr>
                              <w:spacing w:before="16" w:line="282" w:lineRule="exact"/>
                              <w:ind w:left="1440" w:hanging="432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5FB207F3" id="_x0000_t202" coordsize="21600,21600" o:spt="202" path="m,l,21600r21600,l21600,xe">
                <v:stroke joinstyle="miter"/>
                <v:path gradientshapeok="t" o:connecttype="rect"/>
              </v:shapetype>
              <v:shape id="_x0000_s0" o:spid="_x0000_s1026" type="#_x0000_t202" style="position:absolute;left:0;text-align:left;margin-left:461.3pt;margin-top:48.45pt;width:263.25pt;height:62.55pt;z-index:-251663360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" filled="f" stroked="f">
                <v:textbox inset="0,0,0,0">
                  <w:txbxContent>
                    <w:p w14:paraId="1AC371BD" w14:textId="77777777" w:rsidR="00DB698D" w:rsidRDefault="00396B31">
                      <w:pPr>
                        <w:spacing w:line="391" w:lineRule="exact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-61"/>
                          <w:w w:val="130"/>
                          <w:sz w:val="34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61"/>
                          <w:w w:val="130"/>
                          <w:sz w:val="34"/>
                        </w:rPr>
                        <w:t>PENINSULA WRESTLING CLUB</w:t>
                      </w:r>
                    </w:p>
                    <w:p w14:paraId="56EF1874" w14:textId="77777777" w:rsidR="00DB698D" w:rsidRDefault="00396B31">
                      <w:pPr>
                        <w:spacing w:before="21" w:line="256" w:lineRule="exact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  <w:t>PWC: 451 W. 20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  <w:vertAlign w:val="superscript"/>
                        </w:rPr>
                        <w:t>TH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  <w:t xml:space="preserve"> AVE., SAN MATEO, CA 94403</w:t>
                      </w:r>
                    </w:p>
                    <w:p w14:paraId="2D8A0E35" w14:textId="77777777" w:rsidR="00DB698D" w:rsidRDefault="00AA357F">
                      <w:pPr>
                        <w:spacing w:before="16" w:line="282" w:lineRule="exact"/>
                        <w:ind w:left="1440" w:hanging="432"/>
                        <w:textAlignment w:val="baseline"/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</w:rPr>
                        <w:t>(925) 997-3795</w:t>
                      </w:r>
                      <w:r w:rsidR="00396B31">
                        <w:rPr>
                          <w:rFonts w:ascii="Arial" w:eastAsia="Arial" w:hAnsi="Arial"/>
                          <w:b/>
                          <w:color w:val="000000"/>
                        </w:rPr>
                        <w:t xml:space="preserve"> &amp; (650) </w:t>
                      </w:r>
                      <w:r w:rsidR="009E295C">
                        <w:rPr>
                          <w:rFonts w:ascii="Arial" w:eastAsia="Arial" w:hAnsi="Arial"/>
                          <w:b/>
                          <w:color w:val="000000"/>
                        </w:rPr>
                        <w:t>667.0186</w:t>
                      </w:r>
                      <w:r w:rsidR="00396B31">
                        <w:rPr>
                          <w:rFonts w:ascii="Arial" w:eastAsia="Arial" w:hAnsi="Arial"/>
                          <w:b/>
                          <w:color w:val="000000"/>
                        </w:rPr>
                        <w:t xml:space="preserve"> </w:t>
                      </w:r>
                      <w:hyperlink r:id="rId7" w:history="1">
                        <w:r w:rsidR="00975182" w:rsidRPr="001D4F90">
                          <w:rPr>
                            <w:rStyle w:val="Hyperlink"/>
                          </w:rPr>
                          <w:t>http://www.peninsulawrestlingclub.com</w:t>
                        </w:r>
                      </w:hyperlink>
                    </w:p>
                    <w:p w14:paraId="244FC898" w14:textId="77777777" w:rsidR="00AA357F" w:rsidRDefault="00AA357F">
                      <w:pPr>
                        <w:spacing w:before="16" w:line="282" w:lineRule="exact"/>
                        <w:ind w:left="1440" w:hanging="432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</w:rPr>
                      </w:pPr>
                    </w:p>
                  </w:txbxContent>
                </v:textbox>
                <w10:wrap type="square" anchorx="page" anchory="page"/>
              </v:shape>
            </w:pict>
          </mc:Fallback>
        </mc:AlternateContent>
      </w:r>
      <w:r w:rsidR="00396B31">
        <w:rPr>
          <w:rFonts w:ascii="Arial" w:eastAsia="Arial" w:hAnsi="Arial"/>
          <w:b/>
          <w:color w:val="000000"/>
          <w:spacing w:val="-55"/>
          <w:w w:val="130"/>
          <w:sz w:val="34"/>
        </w:rPr>
        <w:t>PENINSULA WRESTLING CLUB</w:t>
      </w:r>
    </w:p>
    <w:p w14:paraId="169E2E0F" w14:textId="77777777" w:rsidR="00DB698D" w:rsidRDefault="00396B31">
      <w:pPr>
        <w:spacing w:before="8" w:line="228" w:lineRule="exact"/>
        <w:ind w:left="216"/>
        <w:textAlignment w:val="baseline"/>
        <w:rPr>
          <w:rFonts w:ascii="Tahoma" w:eastAsia="Tahoma" w:hAnsi="Tahoma"/>
          <w:color w:val="000000"/>
          <w:spacing w:val="6"/>
          <w:sz w:val="20"/>
        </w:rPr>
      </w:pPr>
      <w:r>
        <w:rPr>
          <w:rFonts w:ascii="Tahoma" w:eastAsia="Tahoma" w:hAnsi="Tahoma"/>
          <w:color w:val="000000"/>
          <w:spacing w:val="6"/>
          <w:sz w:val="20"/>
        </w:rPr>
        <w:t>ACKNOWLEDGEMENT &amp; ASSUMPTION OF POTENTIAL RISK</w:t>
      </w:r>
    </w:p>
    <w:p w14:paraId="4D59C2A0" w14:textId="77777777" w:rsidR="00DB698D" w:rsidRDefault="00396B31">
      <w:pPr>
        <w:spacing w:before="428" w:line="192" w:lineRule="exact"/>
        <w:ind w:right="72"/>
        <w:textAlignment w:val="baseline"/>
        <w:rPr>
          <w:rFonts w:ascii="Tahoma" w:eastAsia="Tahoma" w:hAnsi="Tahoma"/>
          <w:color w:val="000000"/>
          <w:spacing w:val="3"/>
          <w:sz w:val="16"/>
        </w:rPr>
      </w:pPr>
      <w:r>
        <w:rPr>
          <w:rFonts w:ascii="Tahoma" w:eastAsia="Tahoma" w:hAnsi="Tahoma"/>
          <w:color w:val="000000"/>
          <w:spacing w:val="3"/>
          <w:sz w:val="16"/>
        </w:rPr>
        <w:t>I WISH TO PARTICIPATE IN THE P</w:t>
      </w:r>
      <w:r w:rsidR="008A58C7">
        <w:rPr>
          <w:rFonts w:ascii="Tahoma" w:eastAsia="Tahoma" w:hAnsi="Tahoma"/>
          <w:color w:val="000000"/>
          <w:spacing w:val="3"/>
          <w:sz w:val="16"/>
        </w:rPr>
        <w:t>ENINSULA</w:t>
      </w:r>
      <w:r>
        <w:rPr>
          <w:rFonts w:ascii="Tahoma" w:eastAsia="Tahoma" w:hAnsi="Tahoma"/>
          <w:color w:val="000000"/>
          <w:spacing w:val="3"/>
          <w:sz w:val="16"/>
        </w:rPr>
        <w:t xml:space="preserve"> WRESTLING CLUB SPONSORED ACTIVITIES OF </w:t>
      </w:r>
      <w:r w:rsidR="008A58C7">
        <w:rPr>
          <w:rFonts w:ascii="Tahoma" w:eastAsia="Tahoma" w:hAnsi="Tahoma"/>
          <w:color w:val="000000"/>
          <w:spacing w:val="3"/>
          <w:sz w:val="16"/>
        </w:rPr>
        <w:t xml:space="preserve">FALL, WINTER AND/OR </w:t>
      </w:r>
      <w:r>
        <w:rPr>
          <w:rFonts w:ascii="Tahoma" w:eastAsia="Tahoma" w:hAnsi="Tahoma"/>
          <w:color w:val="000000"/>
          <w:spacing w:val="3"/>
          <w:sz w:val="16"/>
        </w:rPr>
        <w:t xml:space="preserve">SPRING &amp; SUMMER </w:t>
      </w:r>
      <w:r w:rsidR="008A58C7">
        <w:rPr>
          <w:rFonts w:ascii="Tahoma" w:eastAsia="Tahoma" w:hAnsi="Tahoma"/>
          <w:color w:val="000000"/>
          <w:spacing w:val="3"/>
          <w:sz w:val="16"/>
        </w:rPr>
        <w:t>FOLKSTYLE/</w:t>
      </w:r>
      <w:r>
        <w:rPr>
          <w:rFonts w:ascii="Tahoma" w:eastAsia="Tahoma" w:hAnsi="Tahoma"/>
          <w:color w:val="000000"/>
          <w:spacing w:val="3"/>
          <w:sz w:val="16"/>
        </w:rPr>
        <w:t>FREESTYLE/GRECO WRESTLING. I UNDERSTAND AND ACKNOWLEDGE THAT THESE ACTIVITIES, BY THEIR VERY NATURE, POSE THE POTENTIAL RISK OF SERIOUS INJURY/ILLNESS TO INDIVIDUALS WHO PARTICIPATE. I UNDERSTAND AND ACKNOWLEDGE THAT SOME OF THE INJURIES/ILLNESSES WHICH MAY RESULT FROM PARTICIPATING IN THESE ACTIVITIES INCLUDE, BUT ARE NOT LIMITED TO THE FOLLOWING:</w:t>
      </w:r>
    </w:p>
    <w:p w14:paraId="078C516A" w14:textId="77777777" w:rsidR="00DB698D" w:rsidRDefault="008C24A6">
      <w:pPr>
        <w:tabs>
          <w:tab w:val="left" w:pos="1872"/>
          <w:tab w:val="left" w:pos="4032"/>
        </w:tabs>
        <w:spacing w:before="192" w:line="192" w:lineRule="exact"/>
        <w:textAlignment w:val="baseline"/>
        <w:rPr>
          <w:rFonts w:ascii="Tahoma" w:eastAsia="Tahoma" w:hAnsi="Tahoma"/>
          <w:color w:val="000000"/>
          <w:spacing w:val="1"/>
          <w:sz w:val="16"/>
        </w:rPr>
      </w:pPr>
      <w:r>
        <w:rPr>
          <w:noProof/>
        </w:rPr>
        <mc:AlternateContent>
          <mc:Choice Requires="wps">
            <w:drawing>
              <wp:anchor distT="0" distB="0" distL="0" distR="0" simplePos="0" relativeHeight="251654144" behindDoc="1" locked="0" layoutInCell="1" allowOverlap="1" wp14:anchorId="17A27C55" wp14:editId="4F887B4E">
                <wp:simplePos x="0" y="0"/>
                <wp:positionH relativeFrom="page">
                  <wp:posOffset>6214745</wp:posOffset>
                </wp:positionH>
                <wp:positionV relativeFrom="page">
                  <wp:posOffset>1816735</wp:posOffset>
                </wp:positionV>
                <wp:extent cx="2999105" cy="3907155"/>
                <wp:effectExtent l="4445" t="0" r="0" b="635"/>
                <wp:wrapSquare wrapText="bothSides"/>
                <wp:docPr id="10" name="Text Box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999105" cy="390715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5EB1BE78" w14:textId="77777777" w:rsidR="00DB698D" w:rsidRDefault="00EC2A94">
                            <w:pPr>
                              <w:textAlignment w:val="baseline"/>
                            </w:pPr>
                            <w:r w:rsidRPr="00EC2A94">
                              <w:rPr>
                                <w:noProof/>
                              </w:rPr>
                              <w:drawing>
                                <wp:inline distT="0" distB="0" distL="0" distR="0" wp14:anchorId="404D81D1" wp14:editId="787A1114">
                                  <wp:extent cx="2999105" cy="3856349"/>
                                  <wp:effectExtent l="0" t="0" r="0" b="0"/>
                                  <wp:docPr id="13" name="Picture 13" descr="C:\Users\i825222\Documents\PD\Wrestling Info\PWC Info\PWC 2014-15\pwclogo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i825222\Documents\PD\Wrestling Info\PWC Info\PWC 2014-15\pwclogo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999105" cy="385634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17A27C55" id="Text Box 10" o:spid="_x0000_s1027" type="#_x0000_t202" style="position:absolute;margin-left:489.35pt;margin-top:143.05pt;width:236.15pt;height:307.65pt;z-index:-251662336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" filled="f" stroked="f">
                <v:textbox inset="0,0,0,0">
                  <w:txbxContent>
                    <w:p w14:paraId="5EB1BE78" w14:textId="77777777" w:rsidR="00DB698D" w:rsidRDefault="00EC2A94">
                      <w:pPr>
                        <w:textAlignment w:val="baseline"/>
                      </w:pPr>
                      <w:r w:rsidRPr="00EC2A94">
                        <w:rPr>
                          <w:noProof/>
                        </w:rPr>
                        <w:drawing>
                          <wp:inline distT="0" distB="0" distL="0" distR="0" wp14:anchorId="404D81D1" wp14:editId="787A1114">
                            <wp:extent cx="2999105" cy="3856349"/>
                            <wp:effectExtent l="0" t="0" r="0" b="0"/>
                            <wp:docPr id="13" name="Picture 13" descr="C:\Users\i825222\Documents\PD\Wrestling Info\PWC Info\PWC 2014-15\pwclogo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i825222\Documents\PD\Wrestling Info\PWC Info\PWC 2014-15\pwclogo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999105" cy="385634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 anchorx="page" anchory="page"/>
              </v:shape>
            </w:pict>
          </mc:Fallback>
        </mc:AlternateContent>
      </w:r>
      <w:r w:rsidR="00396B31">
        <w:rPr>
          <w:rFonts w:ascii="Tahoma" w:eastAsia="Tahoma" w:hAnsi="Tahoma"/>
          <w:color w:val="000000"/>
          <w:spacing w:val="1"/>
          <w:sz w:val="16"/>
        </w:rPr>
        <w:t>1. SPRAINS/STRAINS</w:t>
      </w:r>
      <w:r w:rsidR="00396B31">
        <w:rPr>
          <w:rFonts w:ascii="Tahoma" w:eastAsia="Tahoma" w:hAnsi="Tahoma"/>
          <w:color w:val="000000"/>
          <w:spacing w:val="1"/>
          <w:sz w:val="16"/>
        </w:rPr>
        <w:tab/>
        <w:t>2. FRACTURED BONES</w:t>
      </w:r>
      <w:r w:rsidR="00396B31">
        <w:rPr>
          <w:rFonts w:ascii="Tahoma" w:eastAsia="Tahoma" w:hAnsi="Tahoma"/>
          <w:color w:val="000000"/>
          <w:spacing w:val="1"/>
          <w:sz w:val="16"/>
        </w:rPr>
        <w:tab/>
        <w:t>3. UNCONSCIOU</w:t>
      </w:r>
      <w:r w:rsidR="009742EE">
        <w:rPr>
          <w:rFonts w:ascii="Tahoma" w:eastAsia="Tahoma" w:hAnsi="Tahoma"/>
          <w:color w:val="000000"/>
          <w:spacing w:val="1"/>
          <w:sz w:val="16"/>
        </w:rPr>
        <w:t>S</w:t>
      </w:r>
      <w:r w:rsidR="00396B31">
        <w:rPr>
          <w:rFonts w:ascii="Tahoma" w:eastAsia="Tahoma" w:hAnsi="Tahoma"/>
          <w:color w:val="000000"/>
          <w:spacing w:val="1"/>
          <w:sz w:val="16"/>
        </w:rPr>
        <w:t>NESS</w:t>
      </w:r>
    </w:p>
    <w:p w14:paraId="2D1C0874" w14:textId="77777777" w:rsidR="00DB698D" w:rsidRDefault="00396B31">
      <w:pPr>
        <w:tabs>
          <w:tab w:val="left" w:pos="4032"/>
        </w:tabs>
        <w:spacing w:before="11" w:line="186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4. HEAD AND/OR BACK INJURIES 5. PARALYSIS</w:t>
      </w:r>
      <w:r>
        <w:rPr>
          <w:rFonts w:ascii="Tahoma" w:eastAsia="Tahoma" w:hAnsi="Tahoma"/>
          <w:color w:val="000000"/>
          <w:sz w:val="16"/>
        </w:rPr>
        <w:tab/>
        <w:t>6. LOSS OF EYESIGHT</w:t>
      </w:r>
    </w:p>
    <w:p w14:paraId="277D25C8" w14:textId="77777777" w:rsidR="00DB698D" w:rsidRDefault="00396B31">
      <w:pPr>
        <w:tabs>
          <w:tab w:val="left" w:pos="4752"/>
        </w:tabs>
        <w:spacing w:line="187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7. COMMUNICAB</w:t>
      </w:r>
      <w:r w:rsidR="008A58C7">
        <w:rPr>
          <w:rFonts w:ascii="Tahoma" w:eastAsia="Tahoma" w:hAnsi="Tahoma"/>
          <w:color w:val="000000"/>
          <w:sz w:val="16"/>
        </w:rPr>
        <w:t xml:space="preserve">LE DISEASE/BLOOD BORNE PATHOGEN </w:t>
      </w:r>
      <w:proofErr w:type="gramStart"/>
      <w:r>
        <w:rPr>
          <w:rFonts w:ascii="Tahoma" w:eastAsia="Tahoma" w:hAnsi="Tahoma"/>
          <w:color w:val="000000"/>
          <w:sz w:val="16"/>
        </w:rPr>
        <w:t>8.DEATH</w:t>
      </w:r>
      <w:proofErr w:type="gramEnd"/>
    </w:p>
    <w:p w14:paraId="071F22C1" w14:textId="77777777" w:rsidR="00DB698D" w:rsidRDefault="00396B31">
      <w:pPr>
        <w:spacing w:before="194" w:line="191" w:lineRule="exact"/>
        <w:ind w:right="72"/>
        <w:textAlignment w:val="baseline"/>
        <w:rPr>
          <w:rFonts w:ascii="Tahoma" w:eastAsia="Tahoma" w:hAnsi="Tahoma"/>
          <w:color w:val="000000"/>
          <w:spacing w:val="4"/>
          <w:sz w:val="16"/>
        </w:rPr>
      </w:pPr>
      <w:r>
        <w:rPr>
          <w:rFonts w:ascii="Tahoma" w:eastAsia="Tahoma" w:hAnsi="Tahoma"/>
          <w:color w:val="000000"/>
          <w:spacing w:val="4"/>
          <w:sz w:val="16"/>
        </w:rPr>
        <w:t xml:space="preserve">I UNDERSTAND AND ACKNOWLEDGE THAT IN ORDER TO PARTICIPATE IN THESE ACTIVITIES, I AGREE TO ASSUME LIABILITY AND RESPONSIBILITY FOR ANY AND ALL POTENTIAL RISK WHICH MAY BE ASSOCIATED WITH PARTICIPATION IN SUCH ACTIVITIES. I UNDERSTAND, ACKNOWLEDGE, AND AGREE THAT THE </w:t>
      </w:r>
      <w:proofErr w:type="gramStart"/>
      <w:r>
        <w:rPr>
          <w:rFonts w:ascii="Tahoma" w:eastAsia="Tahoma" w:hAnsi="Tahoma"/>
          <w:color w:val="000000"/>
          <w:spacing w:val="4"/>
          <w:sz w:val="16"/>
        </w:rPr>
        <w:t>P</w:t>
      </w:r>
      <w:r w:rsidR="008A58C7">
        <w:rPr>
          <w:rFonts w:ascii="Tahoma" w:eastAsia="Tahoma" w:hAnsi="Tahoma"/>
          <w:color w:val="000000"/>
          <w:spacing w:val="4"/>
          <w:sz w:val="16"/>
        </w:rPr>
        <w:t xml:space="preserve">ENINSULA </w:t>
      </w:r>
      <w:r>
        <w:rPr>
          <w:rFonts w:ascii="Tahoma" w:eastAsia="Tahoma" w:hAnsi="Tahoma"/>
          <w:color w:val="000000"/>
          <w:spacing w:val="4"/>
          <w:sz w:val="16"/>
        </w:rPr>
        <w:t xml:space="preserve"> WRESTLING</w:t>
      </w:r>
      <w:proofErr w:type="gramEnd"/>
      <w:r>
        <w:rPr>
          <w:rFonts w:ascii="Tahoma" w:eastAsia="Tahoma" w:hAnsi="Tahoma"/>
          <w:color w:val="000000"/>
          <w:spacing w:val="4"/>
          <w:sz w:val="16"/>
        </w:rPr>
        <w:t xml:space="preserve"> CLUB, JUNIPERO SERRA HIGH SCHOOL, ITS EMPOYEES, OFFICERS AGENTS, OR VOLUNTEERS SHALL NOT BE LIABLE FOR ANY INJURY/ILNESS SUFFERED </w:t>
      </w:r>
      <w:r w:rsidR="008A58C7">
        <w:rPr>
          <w:rFonts w:ascii="Tahoma" w:eastAsia="Tahoma" w:hAnsi="Tahoma"/>
          <w:color w:val="000000"/>
          <w:spacing w:val="4"/>
          <w:sz w:val="16"/>
        </w:rPr>
        <w:t>BY MY SON OR DAUGHTER WHICH IS RELATED</w:t>
      </w:r>
      <w:r>
        <w:rPr>
          <w:rFonts w:ascii="Tahoma" w:eastAsia="Tahoma" w:hAnsi="Tahoma"/>
          <w:color w:val="000000"/>
          <w:spacing w:val="4"/>
          <w:sz w:val="16"/>
        </w:rPr>
        <w:t xml:space="preserve"> TO AND/OR ASSOCIATED WITH PREPARING FOR AND/OR </w:t>
      </w:r>
      <w:r w:rsidR="009742EE">
        <w:rPr>
          <w:rFonts w:ascii="Tahoma" w:eastAsia="Tahoma" w:hAnsi="Tahoma"/>
          <w:color w:val="000000"/>
          <w:spacing w:val="4"/>
          <w:sz w:val="16"/>
        </w:rPr>
        <w:t>PARTICIPATING IN THE ACTIVITIES</w:t>
      </w:r>
      <w:r>
        <w:rPr>
          <w:rFonts w:ascii="Tahoma" w:eastAsia="Tahoma" w:hAnsi="Tahoma"/>
          <w:color w:val="000000"/>
          <w:spacing w:val="4"/>
          <w:sz w:val="16"/>
        </w:rPr>
        <w:t>.</w:t>
      </w:r>
    </w:p>
    <w:p w14:paraId="50850953" w14:textId="77777777" w:rsidR="00DB698D" w:rsidRDefault="00396B31">
      <w:pPr>
        <w:spacing w:line="191" w:lineRule="exact"/>
        <w:ind w:right="72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UNLESS OTHERWISE ADVISED, I UNDERSTAND THAT I AM RESPONSIBLE FOR MY OWN TRANSPORTA</w:t>
      </w:r>
      <w:r w:rsidR="009742EE">
        <w:rPr>
          <w:rFonts w:ascii="Tahoma" w:eastAsia="Tahoma" w:hAnsi="Tahoma"/>
          <w:color w:val="000000"/>
          <w:sz w:val="16"/>
        </w:rPr>
        <w:t>TION TO AND FROM THE ACTIVITIES</w:t>
      </w:r>
      <w:r>
        <w:rPr>
          <w:rFonts w:ascii="Tahoma" w:eastAsia="Tahoma" w:hAnsi="Tahoma"/>
          <w:color w:val="000000"/>
          <w:sz w:val="16"/>
        </w:rPr>
        <w:t xml:space="preserve"> AND THE </w:t>
      </w:r>
      <w:r w:rsidR="008A58C7">
        <w:rPr>
          <w:rFonts w:ascii="Tahoma" w:eastAsia="Tahoma" w:hAnsi="Tahoma"/>
          <w:color w:val="000000"/>
          <w:sz w:val="16"/>
        </w:rPr>
        <w:t>PENINSULA</w:t>
      </w:r>
      <w:r>
        <w:rPr>
          <w:rFonts w:ascii="Tahoma" w:eastAsia="Tahoma" w:hAnsi="Tahoma"/>
          <w:color w:val="000000"/>
          <w:sz w:val="16"/>
        </w:rPr>
        <w:t xml:space="preserve"> WRESTLING CLUB AS</w:t>
      </w:r>
      <w:r w:rsidR="008A58C7">
        <w:rPr>
          <w:rFonts w:ascii="Tahoma" w:eastAsia="Tahoma" w:hAnsi="Tahoma"/>
          <w:color w:val="000000"/>
          <w:sz w:val="16"/>
        </w:rPr>
        <w:t>SUMES NO LIABILITY FOR LOSS OR I</w:t>
      </w:r>
      <w:r>
        <w:rPr>
          <w:rFonts w:ascii="Tahoma" w:eastAsia="Tahoma" w:hAnsi="Tahoma"/>
          <w:color w:val="000000"/>
          <w:sz w:val="16"/>
        </w:rPr>
        <w:t>NJURY RESULTING FROM MY TRANSPORTAION. ALTHOUGH THE CLUB MAY ASSIST IN COORDINATING THE TRANSPORTATION ANY ASSISTANCE AND/OR RECOMMENDATION PROVIDED IS NOT MANDATORY. IF THE CLUB IS PROVIDING TRANSPORTATION BUT I DO NOT USE THE TRANSPORTATION, I AM RESPONSIBLE TO MAKE MY OWN TRANSPORTATION ARRANGEMENTS AND THE CLUB ASSUMES NO RESPONSIBILITY OR LIABILITY OF ANY KIND.</w:t>
      </w:r>
    </w:p>
    <w:p w14:paraId="1AC38C5F" w14:textId="77777777" w:rsidR="00DB698D" w:rsidRDefault="00396B31">
      <w:pPr>
        <w:spacing w:before="197" w:line="192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I HAVE NO KNOWN MEDICAL CONDITION</w:t>
      </w:r>
      <w:r w:rsidR="008A58C7">
        <w:rPr>
          <w:rFonts w:ascii="Tahoma" w:eastAsia="Tahoma" w:hAnsi="Tahoma"/>
          <w:color w:val="000000"/>
          <w:sz w:val="16"/>
        </w:rPr>
        <w:t>S</w:t>
      </w:r>
      <w:r>
        <w:rPr>
          <w:rFonts w:ascii="Tahoma" w:eastAsia="Tahoma" w:hAnsi="Tahoma"/>
          <w:color w:val="000000"/>
          <w:sz w:val="16"/>
        </w:rPr>
        <w:t xml:space="preserve"> WHICH MAY POSE A RISK TO THE HEALTH AND SAFETY OF MY SON</w:t>
      </w:r>
      <w:r w:rsidR="008A58C7">
        <w:rPr>
          <w:rFonts w:ascii="Tahoma" w:eastAsia="Tahoma" w:hAnsi="Tahoma"/>
          <w:color w:val="000000"/>
          <w:sz w:val="16"/>
        </w:rPr>
        <w:t>, DAUGHTER</w:t>
      </w:r>
      <w:r>
        <w:rPr>
          <w:rFonts w:ascii="Tahoma" w:eastAsia="Tahoma" w:hAnsi="Tahoma"/>
          <w:color w:val="000000"/>
          <w:sz w:val="16"/>
        </w:rPr>
        <w:t xml:space="preserve"> OR OTHERS BY PARTICIPATING IN THE AFOREMENTIONED ACTIVITY(IES). MY LEGAL GUARDIAN AND I ACKNOWLEDGE THAT WE HAVE CAREFULLY READ THIS ACKNOWLEDGEMENT &amp; ASSUMPTION OF POTENTIAL RISK FORM AND THAT MY SON, </w:t>
      </w:r>
      <w:proofErr w:type="gramStart"/>
      <w:r>
        <w:rPr>
          <w:rFonts w:ascii="Tahoma" w:eastAsia="Tahoma" w:hAnsi="Tahoma"/>
          <w:color w:val="000000"/>
          <w:sz w:val="16"/>
        </w:rPr>
        <w:t>DAUGHTER</w:t>
      </w:r>
      <w:proofErr w:type="gramEnd"/>
      <w:r>
        <w:rPr>
          <w:rFonts w:ascii="Tahoma" w:eastAsia="Tahoma" w:hAnsi="Tahoma"/>
          <w:color w:val="000000"/>
          <w:sz w:val="16"/>
        </w:rPr>
        <w:t xml:space="preserve"> AND I UNDERSTAND AND AGREE TO ITS TERMS.</w:t>
      </w:r>
    </w:p>
    <w:p w14:paraId="5AECDC78" w14:textId="549621F5" w:rsidR="00DB698D" w:rsidRDefault="00471B42">
      <w:pPr>
        <w:spacing w:before="402" w:line="177" w:lineRule="exact"/>
        <w:textAlignment w:val="baseline"/>
        <w:rPr>
          <w:rFonts w:ascii="Arial" w:eastAsia="Arial" w:hAnsi="Arial"/>
          <w:b/>
          <w:color w:val="000000"/>
          <w:spacing w:val="23"/>
          <w:sz w:val="18"/>
        </w:rPr>
      </w:pPr>
      <w:r w:rsidRPr="00471B42">
        <w:rPr>
          <w:rFonts w:ascii="Arial" w:eastAsia="Arial" w:hAnsi="Arial"/>
          <w:b/>
          <w:noProof/>
          <w:color w:val="000000"/>
          <w:spacing w:val="21"/>
          <w:sz w:val="18"/>
        </w:rPr>
        <mc:AlternateContent>
          <mc:Choice Requires="wps">
            <w:drawing>
              <wp:anchor distT="45720" distB="45720" distL="114300" distR="114300" simplePos="0" relativeHeight="251666432" behindDoc="0" locked="0" layoutInCell="1" allowOverlap="1" wp14:anchorId="2C3EACC5" wp14:editId="686CAA74">
                <wp:simplePos x="0" y="0"/>
                <wp:positionH relativeFrom="column">
                  <wp:posOffset>5252085</wp:posOffset>
                </wp:positionH>
                <wp:positionV relativeFrom="paragraph">
                  <wp:posOffset>167640</wp:posOffset>
                </wp:positionV>
                <wp:extent cx="4006850" cy="1404620"/>
                <wp:effectExtent l="0" t="0" r="12700" b="17145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006850" cy="140462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675CDF7" w14:textId="09FC64B1" w:rsidR="00471B42" w:rsidRDefault="00471B42" w:rsidP="00471B42">
                            <w:pPr>
                              <w:spacing w:line="451" w:lineRule="exact"/>
                              <w:jc w:val="center"/>
                              <w:textAlignment w:val="baseline"/>
                              <w:rPr>
                                <w:rFonts w:ascii="Tahoma" w:eastAsia="Tahoma" w:hAnsi="Tahoma"/>
                                <w:color w:val="000000"/>
                                <w:spacing w:val="-58"/>
                                <w:w w:val="155"/>
                                <w:sz w:val="36"/>
                              </w:rPr>
                            </w:pPr>
                            <w:r>
                              <w:rPr>
                                <w:rFonts w:ascii="Tahoma" w:eastAsia="Tahoma" w:hAnsi="Tahoma"/>
                                <w:color w:val="000000"/>
                                <w:spacing w:val="-58"/>
                                <w:w w:val="155"/>
                                <w:sz w:val="36"/>
                              </w:rPr>
                              <w:t>Club Mission:</w:t>
                            </w:r>
                          </w:p>
                          <w:p w14:paraId="206B6110" w14:textId="77777777" w:rsidR="00471B42" w:rsidRDefault="00471B42" w:rsidP="00471B42">
                            <w:pPr>
                              <w:spacing w:before="35" w:line="312" w:lineRule="exact"/>
                              <w:jc w:val="center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  <w:t xml:space="preserve">A CLUB DEDICATED TO DEVELOPING KIDS AND 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  <w:br/>
                              <w:t>WRESTLING IN THE SAN MATEO COUNTY SINCE 2005.</w:t>
                            </w:r>
                          </w:p>
                          <w:p w14:paraId="3B29576B" w14:textId="691C9E93" w:rsidR="00471B42" w:rsidRDefault="00471B42"/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2C3EACC5" id="Text Box 2" o:spid="_x0000_s1028" type="#_x0000_t202" style="position:absolute;margin-left:413.55pt;margin-top:13.2pt;width:315.5pt;height:110.6pt;z-index:251666432;visibility:visible;mso-wrap-style:square;mso-width-percent: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">
                <v:textbox style="mso-fit-shape-to-text:t">
                  <w:txbxContent>
                    <w:p w14:paraId="7675CDF7" w14:textId="09FC64B1" w:rsidR="00471B42" w:rsidRDefault="00471B42" w:rsidP="00471B42">
                      <w:pPr>
                        <w:spacing w:line="451" w:lineRule="exact"/>
                        <w:jc w:val="center"/>
                        <w:textAlignment w:val="baseline"/>
                        <w:rPr>
                          <w:rFonts w:ascii="Tahoma" w:eastAsia="Tahoma" w:hAnsi="Tahoma"/>
                          <w:color w:val="000000"/>
                          <w:spacing w:val="-58"/>
                          <w:w w:val="155"/>
                          <w:sz w:val="36"/>
                        </w:rPr>
                      </w:pPr>
                      <w:r>
                        <w:rPr>
                          <w:rFonts w:ascii="Tahoma" w:eastAsia="Tahoma" w:hAnsi="Tahoma"/>
                          <w:color w:val="000000"/>
                          <w:spacing w:val="-58"/>
                          <w:w w:val="155"/>
                          <w:sz w:val="36"/>
                        </w:rPr>
                        <w:t>Club Mission:</w:t>
                      </w:r>
                    </w:p>
                    <w:p w14:paraId="206B6110" w14:textId="77777777" w:rsidR="00471B42" w:rsidRDefault="00471B42" w:rsidP="00471B42">
                      <w:pPr>
                        <w:spacing w:before="35" w:line="312" w:lineRule="exact"/>
                        <w:jc w:val="center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  <w:t xml:space="preserve">A CLUB DEDICATED TO DEVELOPING KIDS AND 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  <w:br/>
                        <w:t>WRESTLING IN THE SAN MATEO COUNTY SINCE 2005.</w:t>
                      </w:r>
                    </w:p>
                    <w:p w14:paraId="3B29576B" w14:textId="691C9E93" w:rsidR="00471B42" w:rsidRDefault="00471B42"/>
                  </w:txbxContent>
                </v:textbox>
                <w10:wrap type="square"/>
              </v:shape>
            </w:pict>
          </mc:Fallback>
        </mc:AlternateContent>
      </w:r>
      <w:r w:rsidR="00396B31">
        <w:rPr>
          <w:rFonts w:ascii="Arial" w:eastAsia="Arial" w:hAnsi="Arial"/>
          <w:b/>
          <w:color w:val="000000"/>
          <w:spacing w:val="23"/>
          <w:sz w:val="18"/>
        </w:rPr>
        <w:t>------------------------------------------------- ----------------------------</w:t>
      </w:r>
    </w:p>
    <w:p w14:paraId="4BD2DE21" w14:textId="33DC7A79" w:rsidR="00DB698D" w:rsidRDefault="00396B31">
      <w:pPr>
        <w:tabs>
          <w:tab w:val="left" w:pos="4752"/>
        </w:tabs>
        <w:spacing w:before="15" w:after="373" w:line="177" w:lineRule="exact"/>
        <w:textAlignment w:val="baseline"/>
        <w:rPr>
          <w:rFonts w:ascii="Arial" w:eastAsia="Arial" w:hAnsi="Arial"/>
          <w:b/>
          <w:color w:val="000000"/>
          <w:spacing w:val="-2"/>
          <w:sz w:val="18"/>
        </w:rPr>
      </w:pPr>
      <w:r>
        <w:rPr>
          <w:rFonts w:ascii="Arial" w:eastAsia="Arial" w:hAnsi="Arial"/>
          <w:b/>
          <w:color w:val="000000"/>
          <w:spacing w:val="-2"/>
          <w:sz w:val="18"/>
        </w:rPr>
        <w:t>ATHLETE SIGNATURE</w:t>
      </w:r>
      <w:r>
        <w:rPr>
          <w:rFonts w:ascii="Arial" w:eastAsia="Arial" w:hAnsi="Arial"/>
          <w:b/>
          <w:color w:val="000000"/>
          <w:spacing w:val="-2"/>
          <w:sz w:val="18"/>
        </w:rPr>
        <w:tab/>
        <w:t>DATE:</w:t>
      </w:r>
    </w:p>
    <w:p w14:paraId="6F46CC26" w14:textId="12F3BE26" w:rsidR="00DB698D" w:rsidRDefault="00396B31">
      <w:pPr>
        <w:spacing w:before="21" w:line="177" w:lineRule="exact"/>
        <w:textAlignment w:val="baseline"/>
        <w:rPr>
          <w:rFonts w:ascii="Arial" w:eastAsia="Arial" w:hAnsi="Arial"/>
          <w:b/>
          <w:color w:val="000000"/>
          <w:spacing w:val="21"/>
          <w:sz w:val="18"/>
        </w:rPr>
      </w:pPr>
      <w:r>
        <w:rPr>
          <w:rFonts w:ascii="Arial" w:eastAsia="Arial" w:hAnsi="Arial"/>
          <w:b/>
          <w:color w:val="000000"/>
          <w:spacing w:val="21"/>
          <w:sz w:val="18"/>
        </w:rPr>
        <w:t>------------------------------------------------- ------------------------------</w:t>
      </w:r>
    </w:p>
    <w:p w14:paraId="0A12B86E" w14:textId="073D453E" w:rsidR="00DB698D" w:rsidRDefault="00396B31">
      <w:pPr>
        <w:tabs>
          <w:tab w:val="left" w:pos="4752"/>
        </w:tabs>
        <w:spacing w:before="15" w:after="65" w:line="177" w:lineRule="exact"/>
        <w:textAlignment w:val="baseline"/>
        <w:rPr>
          <w:rFonts w:ascii="Arial" w:eastAsia="Arial" w:hAnsi="Arial"/>
          <w:b/>
          <w:color w:val="000000"/>
          <w:spacing w:val="-2"/>
          <w:sz w:val="18"/>
        </w:rPr>
      </w:pPr>
      <w:r>
        <w:rPr>
          <w:rFonts w:ascii="Arial" w:eastAsia="Arial" w:hAnsi="Arial"/>
          <w:b/>
          <w:color w:val="000000"/>
          <w:spacing w:val="-2"/>
          <w:sz w:val="18"/>
        </w:rPr>
        <w:t>LEGAL GUARDIAN SIGNATURE</w:t>
      </w:r>
      <w:r>
        <w:rPr>
          <w:rFonts w:ascii="Arial" w:eastAsia="Arial" w:hAnsi="Arial"/>
          <w:b/>
          <w:color w:val="000000"/>
          <w:spacing w:val="-2"/>
          <w:sz w:val="18"/>
        </w:rPr>
        <w:tab/>
        <w:t>DATE:</w:t>
      </w:r>
    </w:p>
    <w:p w14:paraId="0B3A19B9" w14:textId="77777777" w:rsidR="00DB698D" w:rsidRDefault="00DB698D">
      <w:pPr>
        <w:sectPr w:rsidR="00DB698D">
          <w:headerReference w:type="even" r:id="rId10"/>
          <w:headerReference w:type="default" r:id="rId11"/>
          <w:footerReference w:type="even" r:id="rId12"/>
          <w:footerReference w:type="default" r:id="rId13"/>
          <w:headerReference w:type="first" r:id="rId14"/>
          <w:footerReference w:type="first" r:id="rId15"/>
          <w:type w:val="continuous"/>
          <w:pgSz w:w="15840" w:h="12240" w:orient="landscape"/>
          <w:pgMar w:top="900" w:right="8731" w:bottom="604" w:left="629" w:header="720" w:footer="720" w:gutter="0"/>
          <w:cols w:space="720"/>
        </w:sectPr>
      </w:pPr>
    </w:p>
    <w:p w14:paraId="6A2B5243" w14:textId="77777777" w:rsidR="00DB698D" w:rsidRDefault="00DB698D">
      <w:pPr>
        <w:sectPr w:rsidR="00DB698D">
          <w:type w:val="continuous"/>
          <w:pgSz w:w="15840" w:h="12240" w:orient="landscape"/>
          <w:pgMar w:top="900" w:right="659" w:bottom="604" w:left="8501" w:header="720" w:footer="720" w:gutter="0"/>
          <w:cols w:space="720"/>
        </w:sectPr>
      </w:pPr>
    </w:p>
    <w:p w14:paraId="1AFFB72C" w14:textId="77777777" w:rsidR="00DB698D" w:rsidRDefault="00396B31">
      <w:pPr>
        <w:spacing w:before="3" w:line="388" w:lineRule="exact"/>
        <w:jc w:val="center"/>
        <w:textAlignment w:val="baseline"/>
        <w:rPr>
          <w:rFonts w:ascii="Arial" w:eastAsia="Arial" w:hAnsi="Arial"/>
          <w:color w:val="000000"/>
          <w:spacing w:val="-49"/>
          <w:w w:val="135"/>
          <w:sz w:val="34"/>
        </w:rPr>
      </w:pPr>
      <w:r>
        <w:rPr>
          <w:rFonts w:ascii="Arial" w:eastAsia="Arial" w:hAnsi="Arial"/>
          <w:color w:val="000000"/>
          <w:spacing w:val="-49"/>
          <w:w w:val="135"/>
          <w:sz w:val="34"/>
        </w:rPr>
        <w:lastRenderedPageBreak/>
        <w:t>PENINSULA WRESTLING CLUB</w:t>
      </w:r>
    </w:p>
    <w:p w14:paraId="5F22DCDD" w14:textId="77777777" w:rsidR="00DB698D" w:rsidRDefault="00396B31">
      <w:pPr>
        <w:spacing w:before="3" w:line="258" w:lineRule="exact"/>
        <w:jc w:val="center"/>
        <w:textAlignment w:val="baseline"/>
        <w:rPr>
          <w:rFonts w:ascii="Arial" w:eastAsia="Arial" w:hAnsi="Arial"/>
          <w:color w:val="000000"/>
          <w:spacing w:val="-6"/>
          <w:sz w:val="25"/>
        </w:rPr>
      </w:pPr>
      <w:r>
        <w:rPr>
          <w:rFonts w:ascii="Arial" w:eastAsia="Arial" w:hAnsi="Arial"/>
          <w:color w:val="000000"/>
          <w:spacing w:val="-6"/>
          <w:sz w:val="25"/>
        </w:rPr>
        <w:t>The Program</w:t>
      </w:r>
    </w:p>
    <w:p w14:paraId="577FE7DF" w14:textId="77777777" w:rsidR="00DB698D" w:rsidRPr="00471B42" w:rsidRDefault="00396B31">
      <w:pPr>
        <w:spacing w:line="233" w:lineRule="exact"/>
        <w:textAlignment w:val="baseline"/>
        <w:rPr>
          <w:rFonts w:ascii="Arial" w:eastAsia="Tahoma" w:hAnsi="Arial" w:cs="Arial"/>
          <w:b/>
          <w:color w:val="000000"/>
          <w:spacing w:val="-2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MISSION: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To Develop kids &amp; Wrestling in San Mateo County.</w:t>
      </w:r>
    </w:p>
    <w:p w14:paraId="60EF2AD4" w14:textId="77777777" w:rsidR="00DB698D" w:rsidRPr="00471B42" w:rsidRDefault="00396B31">
      <w:pPr>
        <w:spacing w:before="242" w:line="211" w:lineRule="exact"/>
        <w:ind w:left="1080" w:hanging="1080"/>
        <w:textAlignment w:val="baseline"/>
        <w:rPr>
          <w:rFonts w:ascii="Arial" w:eastAsia="Tahoma" w:hAnsi="Arial" w:cs="Arial"/>
          <w:b/>
          <w:color w:val="000000"/>
          <w:spacing w:val="-4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4"/>
          <w:sz w:val="16"/>
          <w:szCs w:val="16"/>
        </w:rPr>
        <w:t xml:space="preserve">OBJECTIVE: </w:t>
      </w: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Our goal is to provide an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age appropriate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introduction to amateur wrestling. We intend to develop the total athlete and person. To provide kids an opportunity to develop physically,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mentally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and socially. This program will provide them with the option of specializing in a specific sport in high school or college if they so desire. For kids we utilize a game centered approach to teaching wrestling. The high school program is intended to be a challenging and enjoyable curriculum. Competition is not emphasized. Practice sessions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include: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social and skill development, strength work, conditioning, position drills, game centered activities and live wrestling.</w:t>
      </w:r>
    </w:p>
    <w:p w14:paraId="524AF888" w14:textId="77777777" w:rsidR="00DB698D" w:rsidRPr="00471B42" w:rsidRDefault="00396B31">
      <w:pPr>
        <w:spacing w:before="251" w:line="232" w:lineRule="exact"/>
        <w:ind w:left="1080"/>
        <w:textAlignment w:val="baseline"/>
        <w:rPr>
          <w:rFonts w:ascii="Arial" w:eastAsia="Arial" w:hAnsi="Arial" w:cs="Arial"/>
          <w:color w:val="000000"/>
          <w:spacing w:val="-9"/>
          <w:sz w:val="16"/>
          <w:szCs w:val="16"/>
          <w:u w:val="single"/>
        </w:rPr>
      </w:pPr>
      <w:r w:rsidRPr="00471B42">
        <w:rPr>
          <w:rFonts w:ascii="Arial" w:eastAsia="Arial" w:hAnsi="Arial" w:cs="Arial"/>
          <w:color w:val="000000"/>
          <w:spacing w:val="-9"/>
          <w:sz w:val="16"/>
          <w:szCs w:val="16"/>
          <w:u w:val="single"/>
        </w:rPr>
        <w:t xml:space="preserve">CURRICULUM: </w:t>
      </w:r>
    </w:p>
    <w:p w14:paraId="212D5A5E" w14:textId="77777777" w:rsidR="00DB698D" w:rsidRPr="00471B42" w:rsidRDefault="00396B31">
      <w:pPr>
        <w:spacing w:before="23" w:line="215" w:lineRule="exact"/>
        <w:ind w:left="1080"/>
        <w:textAlignment w:val="baseline"/>
        <w:rPr>
          <w:rFonts w:ascii="Arial" w:eastAsia="Arial" w:hAnsi="Arial" w:cs="Arial"/>
          <w:b/>
          <w:i/>
          <w:color w:val="000000"/>
          <w:spacing w:val="10"/>
          <w:sz w:val="16"/>
          <w:szCs w:val="16"/>
        </w:rPr>
      </w:pPr>
      <w:r w:rsidRPr="00471B42">
        <w:rPr>
          <w:rFonts w:ascii="Arial" w:eastAsia="Arial" w:hAnsi="Arial" w:cs="Arial"/>
          <w:b/>
          <w:i/>
          <w:color w:val="000000"/>
          <w:spacing w:val="10"/>
          <w:sz w:val="16"/>
          <w:szCs w:val="16"/>
        </w:rPr>
        <w:t>Elementary and Middle School Levels</w:t>
      </w:r>
    </w:p>
    <w:p w14:paraId="63F07D45" w14:textId="77777777" w:rsidR="00DB698D" w:rsidRPr="00471B42" w:rsidRDefault="00396B31">
      <w:pPr>
        <w:spacing w:before="6" w:line="231" w:lineRule="exact"/>
        <w:ind w:left="1080"/>
        <w:textAlignment w:val="baseline"/>
        <w:rPr>
          <w:rFonts w:ascii="Arial" w:eastAsia="Arial" w:hAnsi="Arial" w:cs="Arial"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*Basic motor, social and personal development.</w:t>
      </w:r>
    </w:p>
    <w:p w14:paraId="1C02B7F4" w14:textId="77777777" w:rsidR="00DB698D" w:rsidRPr="00471B42" w:rsidRDefault="00396B31">
      <w:pPr>
        <w:spacing w:line="231" w:lineRule="exact"/>
        <w:ind w:left="1080"/>
        <w:textAlignment w:val="baseline"/>
        <w:rPr>
          <w:rFonts w:ascii="Arial" w:eastAsia="Arial" w:hAnsi="Arial" w:cs="Arial"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*A game centered approach to wrestling.</w:t>
      </w:r>
    </w:p>
    <w:p w14:paraId="2F57D718" w14:textId="77777777" w:rsidR="00DB698D" w:rsidRPr="00471B42" w:rsidRDefault="00396B31">
      <w:pPr>
        <w:spacing w:before="3" w:line="232" w:lineRule="exact"/>
        <w:ind w:left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*Beginning to intermediate physical fitness.</w:t>
      </w:r>
    </w:p>
    <w:p w14:paraId="57E38A2F" w14:textId="77777777" w:rsidR="00DB698D" w:rsidRPr="00471B42" w:rsidRDefault="00396B31" w:rsidP="008A58C7">
      <w:pPr>
        <w:spacing w:before="3" w:line="232" w:lineRule="exact"/>
        <w:ind w:left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*Become familiar with basic </w:t>
      </w:r>
      <w:r w:rsidR="008A58C7"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Folkstyle, F</w:t>
      </w: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reestyle and Greco-Roman</w:t>
      </w:r>
      <w:r w:rsidR="008A58C7"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*A game and skill approach to wrestling.</w:t>
      </w:r>
    </w:p>
    <w:p w14:paraId="4F391E71" w14:textId="77777777" w:rsidR="00DB698D" w:rsidRPr="00471B42" w:rsidRDefault="00396B31">
      <w:pPr>
        <w:spacing w:before="258" w:line="215" w:lineRule="exact"/>
        <w:ind w:left="1080"/>
        <w:textAlignment w:val="baseline"/>
        <w:rPr>
          <w:rFonts w:ascii="Arial" w:eastAsia="Arial" w:hAnsi="Arial" w:cs="Arial"/>
          <w:b/>
          <w:i/>
          <w:color w:val="000000"/>
          <w:spacing w:val="8"/>
          <w:sz w:val="16"/>
          <w:szCs w:val="16"/>
        </w:rPr>
      </w:pPr>
      <w:r w:rsidRPr="00471B42">
        <w:rPr>
          <w:rFonts w:ascii="Arial" w:eastAsia="Arial" w:hAnsi="Arial" w:cs="Arial"/>
          <w:b/>
          <w:i/>
          <w:color w:val="000000"/>
          <w:spacing w:val="8"/>
          <w:sz w:val="16"/>
          <w:szCs w:val="16"/>
        </w:rPr>
        <w:t>High School Level</w:t>
      </w:r>
    </w:p>
    <w:p w14:paraId="5D51A812" w14:textId="77777777" w:rsidR="00DB698D" w:rsidRPr="00471B42" w:rsidRDefault="00396B31">
      <w:pPr>
        <w:spacing w:line="232" w:lineRule="exact"/>
        <w:ind w:left="1080"/>
        <w:textAlignment w:val="baseline"/>
        <w:rPr>
          <w:rFonts w:ascii="Arial" w:eastAsia="Arial" w:hAnsi="Arial" w:cs="Arial"/>
          <w:color w:val="000000"/>
          <w:spacing w:val="-3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3"/>
          <w:sz w:val="16"/>
          <w:szCs w:val="16"/>
        </w:rPr>
        <w:t>*Intermediate to advance physical fitness.</w:t>
      </w:r>
    </w:p>
    <w:p w14:paraId="20A99E45" w14:textId="77777777" w:rsidR="00DB698D" w:rsidRPr="00471B42" w:rsidRDefault="00396B31">
      <w:pPr>
        <w:spacing w:before="4" w:line="231" w:lineRule="exact"/>
        <w:ind w:left="1080" w:right="72"/>
        <w:textAlignment w:val="baseline"/>
        <w:rPr>
          <w:rFonts w:ascii="Arial" w:eastAsia="Arial" w:hAnsi="Arial" w:cs="Arial"/>
          <w:color w:val="000000"/>
          <w:spacing w:val="-7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*Develop basic-adv. Freestyle &amp; Greco-Roman techniques. *Achieve personal and social success in wrestling.</w:t>
      </w:r>
    </w:p>
    <w:p w14:paraId="26298DD7" w14:textId="144EECF6" w:rsidR="0015625F" w:rsidRPr="00471B42" w:rsidRDefault="00396B31" w:rsidP="00EC2A94">
      <w:pPr>
        <w:spacing w:before="300" w:line="229" w:lineRule="exact"/>
        <w:ind w:left="1080" w:right="648" w:hanging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WHEN: </w:t>
      </w:r>
      <w:r w:rsidR="008E6196"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   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Fall</w:t>
      </w:r>
      <w:r w:rsidR="00EC2A9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</w:t>
      </w:r>
      <w:r w:rsidR="00471B42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Session:</w:t>
      </w:r>
      <w:r w:rsidR="00EC2A9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Septem</w:t>
      </w:r>
      <w:r w:rsidR="0028720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ber 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6</w:t>
      </w:r>
      <w:r w:rsidR="0015625F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AA357F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to November 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14</w:t>
      </w:r>
      <w:r w:rsidR="00421481" w:rsidRPr="00421481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8E6196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Winter</w:t>
      </w:r>
      <w:r w:rsidR="00AA357F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20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3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8E6196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Jan</w:t>
      </w:r>
      <w:r w:rsidR="001008A2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uary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1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0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-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February 2</w:t>
      </w:r>
      <w:proofErr w:type="gramStart"/>
      <w:r w:rsidR="00421481" w:rsidRPr="00421481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nd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,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Spring</w:t>
      </w:r>
      <w:proofErr w:type="gramEnd"/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8A58C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3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Mar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ch14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t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h </w:t>
      </w:r>
      <w:r w:rsidR="0028720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to May 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1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8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th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Tuesday and Thursdays </w:t>
      </w:r>
      <w:r w:rsidR="00C43BA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5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3</w:t>
      </w:r>
      <w:r w:rsidR="00C43BA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0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- 6:30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pm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High School- March </w:t>
      </w:r>
      <w:r w:rsidR="00421481">
        <w:rPr>
          <w:rFonts w:ascii="Arial" w:eastAsia="Arial" w:hAnsi="Arial" w:cs="Arial"/>
          <w:color w:val="000000"/>
          <w:spacing w:val="-2"/>
          <w:sz w:val="16"/>
          <w:szCs w:val="16"/>
        </w:rPr>
        <w:t>14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th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to June 1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st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3:30-</w:t>
      </w:r>
      <w:r w:rsidR="005F2AF8">
        <w:rPr>
          <w:rFonts w:ascii="Arial" w:eastAsia="Arial" w:hAnsi="Arial" w:cs="Arial"/>
          <w:color w:val="000000"/>
          <w:spacing w:val="-2"/>
          <w:sz w:val="16"/>
          <w:szCs w:val="16"/>
        </w:rPr>
        <w:t>4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30pm</w:t>
      </w:r>
    </w:p>
    <w:p w14:paraId="2333439B" w14:textId="77777777" w:rsidR="00DB698D" w:rsidRPr="00471B42" w:rsidRDefault="00396B31" w:rsidP="0015625F">
      <w:pPr>
        <w:spacing w:before="300" w:line="229" w:lineRule="exact"/>
        <w:ind w:right="648"/>
        <w:textAlignment w:val="baseline"/>
        <w:rPr>
          <w:rFonts w:ascii="Arial" w:eastAsia="Tahoma" w:hAnsi="Arial" w:cs="Arial"/>
          <w:b/>
          <w:color w:val="000000"/>
          <w:spacing w:val="-1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1"/>
          <w:sz w:val="16"/>
          <w:szCs w:val="16"/>
        </w:rPr>
        <w:t xml:space="preserve">WHERE: </w:t>
      </w:r>
      <w:r w:rsidR="00153664" w:rsidRPr="00471B42">
        <w:rPr>
          <w:rFonts w:ascii="Arial" w:eastAsia="Tahoma" w:hAnsi="Arial" w:cs="Arial"/>
          <w:b/>
          <w:color w:val="000000"/>
          <w:spacing w:val="-1"/>
          <w:sz w:val="16"/>
          <w:szCs w:val="16"/>
        </w:rPr>
        <w:t xml:space="preserve"> </w:t>
      </w:r>
      <w:r w:rsidR="008E6196"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Juni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pero Serra High School – Wrestling Room</w:t>
      </w:r>
    </w:p>
    <w:p w14:paraId="00B54444" w14:textId="77777777" w:rsidR="0015625F" w:rsidRPr="00471B42" w:rsidRDefault="00C016F5">
      <w:pPr>
        <w:tabs>
          <w:tab w:val="left" w:pos="3600"/>
        </w:tabs>
        <w:spacing w:line="235" w:lineRule="exact"/>
        <w:ind w:left="1080" w:right="648"/>
        <w:textAlignment w:val="baseline"/>
        <w:rPr>
          <w:rFonts w:ascii="Arial" w:eastAsia="Arial" w:hAnsi="Arial" w:cs="Arial"/>
          <w:color w:val="000000"/>
          <w:spacing w:val="-7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451 W. 20</w:t>
      </w:r>
      <w:r w:rsidR="00396B31"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th Ave.</w:t>
      </w:r>
      <w:r w:rsidR="00396B31"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ab/>
        <w:t xml:space="preserve">(Under stadium bleachers) </w:t>
      </w:r>
    </w:p>
    <w:p w14:paraId="45088599" w14:textId="77302FBE" w:rsidR="00EC2A94" w:rsidRPr="00471B42" w:rsidRDefault="00396B31" w:rsidP="00EC2A94">
      <w:pPr>
        <w:tabs>
          <w:tab w:val="left" w:pos="3600"/>
        </w:tabs>
        <w:spacing w:line="235" w:lineRule="exact"/>
        <w:ind w:left="1080" w:right="648"/>
        <w:textAlignment w:val="baseline"/>
        <w:rPr>
          <w:rFonts w:ascii="Arial" w:hAnsi="Arial" w:cs="Arial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San Mateo, CA 94403</w:t>
      </w:r>
    </w:p>
    <w:p w14:paraId="7BD4660D" w14:textId="77777777" w:rsidR="00471B42" w:rsidRPr="00471B42" w:rsidRDefault="00E747D1" w:rsidP="00471B42">
      <w:pPr>
        <w:spacing w:line="391" w:lineRule="exact"/>
        <w:textAlignment w:val="baseline"/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</w:pPr>
      <w:r w:rsidRPr="00471B42"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  <w:t>PENINSULA WRESTLING CLUB</w:t>
      </w:r>
      <w:r w:rsidR="00471B42" w:rsidRPr="00471B42"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  <w:t xml:space="preserve"> </w:t>
      </w:r>
    </w:p>
    <w:p w14:paraId="1618FC17" w14:textId="77777777" w:rsidR="00471B42" w:rsidRDefault="00396B31" w:rsidP="00471B42">
      <w:pPr>
        <w:spacing w:line="391" w:lineRule="exact"/>
        <w:textAlignment w:val="baseline"/>
        <w:rPr>
          <w:rFonts w:ascii="Arial" w:eastAsia="Arial" w:hAnsi="Arial" w:cs="Arial"/>
          <w:b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b/>
          <w:color w:val="000000"/>
          <w:spacing w:val="-4"/>
          <w:sz w:val="16"/>
          <w:szCs w:val="16"/>
        </w:rPr>
        <w:t>ATHLETE EMERGENCY CARD</w:t>
      </w:r>
    </w:p>
    <w:p w14:paraId="4BF03E93" w14:textId="7953921B" w:rsidR="00DB698D" w:rsidRPr="00471B42" w:rsidRDefault="008C24A6" w:rsidP="00471B42">
      <w:pPr>
        <w:spacing w:line="391" w:lineRule="exact"/>
        <w:textAlignment w:val="baseline"/>
        <w:rPr>
          <w:rFonts w:ascii="Arial" w:eastAsia="Arial" w:hAnsi="Arial" w:cs="Arial"/>
          <w:color w:val="000000"/>
          <w:spacing w:val="-6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41EF428B" wp14:editId="12D894DB">
                <wp:simplePos x="0" y="0"/>
                <wp:positionH relativeFrom="page">
                  <wp:posOffset>5398135</wp:posOffset>
                </wp:positionH>
                <wp:positionV relativeFrom="page">
                  <wp:posOffset>1024255</wp:posOffset>
                </wp:positionV>
                <wp:extent cx="1975485" cy="0"/>
                <wp:effectExtent l="6985" t="5080" r="8255" b="13970"/>
                <wp:wrapNone/>
                <wp:docPr id="9" name="Line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975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073FEB23" id="Line 9" o:spid="_x0000_s1026" style="position:absolute;z-index:25165516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80.65pt" to="580.6pt,80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273D9A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USAW # &amp; (Temporary password)</w:t>
      </w:r>
      <w:r w:rsidR="00273D9A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</w: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19D35E8B" wp14:editId="5CDEAAD3">
                <wp:simplePos x="0" y="0"/>
                <wp:positionH relativeFrom="page">
                  <wp:posOffset>5398135</wp:posOffset>
                </wp:positionH>
                <wp:positionV relativeFrom="page">
                  <wp:posOffset>1552575</wp:posOffset>
                </wp:positionV>
                <wp:extent cx="4261485" cy="0"/>
                <wp:effectExtent l="6985" t="9525" r="8255" b="9525"/>
                <wp:wrapNone/>
                <wp:docPr id="8" name="Lin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505E8C5A" id="Line 8" o:spid="_x0000_s1026" style="position:absolute;z-index: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122.25pt" to="760.6pt,122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1pYiEA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-6"/>
          <w:sz w:val="16"/>
          <w:szCs w:val="16"/>
        </w:rPr>
        <w:t xml:space="preserve">T-shirt size: </w:t>
      </w:r>
      <w:proofErr w:type="gramStart"/>
      <w:r w:rsidR="00396B31" w:rsidRPr="00471B42">
        <w:rPr>
          <w:rFonts w:ascii="Arial" w:eastAsia="Arial" w:hAnsi="Arial" w:cs="Arial"/>
          <w:color w:val="000000"/>
          <w:spacing w:val="-6"/>
          <w:sz w:val="16"/>
          <w:szCs w:val="16"/>
        </w:rPr>
        <w:t>Short</w:t>
      </w:r>
      <w:proofErr w:type="gramEnd"/>
      <w:r w:rsidR="00396B31" w:rsidRPr="00471B42">
        <w:rPr>
          <w:rFonts w:ascii="Arial" w:eastAsia="Arial" w:hAnsi="Arial" w:cs="Arial"/>
          <w:color w:val="000000"/>
          <w:spacing w:val="-6"/>
          <w:sz w:val="16"/>
          <w:szCs w:val="16"/>
        </w:rPr>
        <w:t xml:space="preserve"> size:</w:t>
      </w:r>
    </w:p>
    <w:p w14:paraId="5A9D73D4" w14:textId="77777777" w:rsidR="00273D9A" w:rsidRPr="00471B42" w:rsidRDefault="00273D9A">
      <w:pPr>
        <w:tabs>
          <w:tab w:val="left" w:pos="2952"/>
          <w:tab w:val="left" w:pos="4608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pacing w:val="1"/>
          <w:sz w:val="16"/>
          <w:szCs w:val="16"/>
        </w:rPr>
      </w:pPr>
    </w:p>
    <w:p w14:paraId="65717177" w14:textId="77777777" w:rsidR="00DB698D" w:rsidRPr="00471B42" w:rsidRDefault="00396B31">
      <w:pPr>
        <w:tabs>
          <w:tab w:val="left" w:pos="2952"/>
          <w:tab w:val="left" w:pos="4608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pacing w:val="1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Last name (Print)</w:t>
      </w: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ab/>
        <w:t>First name</w:t>
      </w: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ab/>
        <w:t>Date of birth (mm-dd-</w:t>
      </w:r>
      <w:proofErr w:type="spellStart"/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yy</w:t>
      </w:r>
      <w:proofErr w:type="spellEnd"/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)</w:t>
      </w:r>
    </w:p>
    <w:p w14:paraId="4C1AE02F" w14:textId="77777777" w:rsidR="00273D9A" w:rsidRPr="00471B42" w:rsidRDefault="00273D9A">
      <w:pPr>
        <w:tabs>
          <w:tab w:val="left" w:pos="2952"/>
          <w:tab w:val="left" w:pos="4680"/>
        </w:tabs>
        <w:spacing w:before="66" w:after="422" w:line="211" w:lineRule="exact"/>
        <w:ind w:left="72"/>
        <w:textAlignment w:val="baseline"/>
        <w:rPr>
          <w:rFonts w:ascii="Arial" w:eastAsia="Arial" w:hAnsi="Arial" w:cs="Arial"/>
          <w:color w:val="000000"/>
          <w:spacing w:val="-1"/>
          <w:sz w:val="16"/>
          <w:szCs w:val="16"/>
        </w:rPr>
      </w:pPr>
    </w:p>
    <w:p w14:paraId="3E1751E0" w14:textId="77777777" w:rsidR="00DB698D" w:rsidRPr="00471B42" w:rsidRDefault="00396B31">
      <w:pPr>
        <w:tabs>
          <w:tab w:val="left" w:pos="2952"/>
          <w:tab w:val="left" w:pos="4680"/>
        </w:tabs>
        <w:spacing w:before="66" w:after="422" w:line="211" w:lineRule="exact"/>
        <w:ind w:left="72"/>
        <w:textAlignment w:val="baseline"/>
        <w:rPr>
          <w:rFonts w:ascii="Arial" w:eastAsia="Arial" w:hAnsi="Arial" w:cs="Arial"/>
          <w:color w:val="000000"/>
          <w:spacing w:val="-1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School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ab/>
        <w:t>Grade (K-12)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ab/>
        <w:t>Home phone number</w:t>
      </w:r>
    </w:p>
    <w:p w14:paraId="1FACE04F" w14:textId="77777777" w:rsidR="00DB698D" w:rsidRPr="00471B42" w:rsidRDefault="008C24A6">
      <w:pPr>
        <w:tabs>
          <w:tab w:val="left" w:pos="2952"/>
          <w:tab w:val="left" w:pos="4680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654C408F" wp14:editId="39559AF8">
                <wp:simplePos x="0" y="0"/>
                <wp:positionH relativeFrom="page">
                  <wp:posOffset>5398135</wp:posOffset>
                </wp:positionH>
                <wp:positionV relativeFrom="page">
                  <wp:posOffset>2514600</wp:posOffset>
                </wp:positionV>
                <wp:extent cx="4261485" cy="0"/>
                <wp:effectExtent l="6985" t="9525" r="8255" b="9525"/>
                <wp:wrapNone/>
                <wp:docPr id="6" name="Lin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32C0336" id="Line 6" o:spid="_x0000_s1026" style="position:absolute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198pt" to="760.6pt,19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meok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>Address</w: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ab/>
        <w:t>Zip code</w: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ab/>
        <w:t>E-mail address</w:t>
      </w:r>
    </w:p>
    <w:p w14:paraId="4625F9AF" w14:textId="77777777" w:rsidR="00DB698D" w:rsidRPr="00471B42" w:rsidRDefault="008C24A6">
      <w:pPr>
        <w:tabs>
          <w:tab w:val="left" w:pos="2304"/>
        </w:tabs>
        <w:spacing w:before="44" w:after="422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42700F3" wp14:editId="075C307D">
                <wp:simplePos x="0" y="0"/>
                <wp:positionH relativeFrom="page">
                  <wp:posOffset>5398135</wp:posOffset>
                </wp:positionH>
                <wp:positionV relativeFrom="page">
                  <wp:posOffset>2962910</wp:posOffset>
                </wp:positionV>
                <wp:extent cx="4261485" cy="0"/>
                <wp:effectExtent l="6985" t="10160" r="8255" b="8890"/>
                <wp:wrapNone/>
                <wp:docPr id="5" name="Line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92D4A21" id="Line 5" o:spid="_x0000_s1026" style="position:absolute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233.3pt" to="760.6pt,233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>Mother’s name</w: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ab/>
        <w:t>Work phone number Cell phone number</w:t>
      </w:r>
    </w:p>
    <w:p w14:paraId="39E89740" w14:textId="77777777" w:rsidR="008E6284" w:rsidRPr="00471B42" w:rsidRDefault="00273D9A">
      <w:pPr>
        <w:tabs>
          <w:tab w:val="left" w:pos="2304"/>
        </w:tabs>
        <w:spacing w:before="45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76BCE673" wp14:editId="47E1CF13">
                <wp:simplePos x="0" y="0"/>
                <wp:positionH relativeFrom="page">
                  <wp:posOffset>5356860</wp:posOffset>
                </wp:positionH>
                <wp:positionV relativeFrom="page">
                  <wp:posOffset>3806190</wp:posOffset>
                </wp:positionV>
                <wp:extent cx="4261485" cy="0"/>
                <wp:effectExtent l="6985" t="9525" r="8255" b="9525"/>
                <wp:wrapNone/>
                <wp:docPr id="7" name="Line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D1A77BF" id="Line 7" o:spid="_x0000_s1026" style="position:absolute;z-index:25166438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1.8pt,299.7pt" to="757.35pt,299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" strokeweight=".7pt">
                <w10:wrap anchorx="page" anchory="page"/>
              </v:line>
            </w:pict>
          </mc:Fallback>
        </mc:AlternateContent>
      </w:r>
    </w:p>
    <w:p w14:paraId="2AFF4293" w14:textId="77777777" w:rsidR="00DB698D" w:rsidRPr="00471B42" w:rsidRDefault="008C24A6">
      <w:pPr>
        <w:tabs>
          <w:tab w:val="left" w:pos="2304"/>
        </w:tabs>
        <w:spacing w:before="45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3CD1EB23" wp14:editId="5C367262">
                <wp:simplePos x="0" y="0"/>
                <wp:positionH relativeFrom="page">
                  <wp:posOffset>5398135</wp:posOffset>
                </wp:positionH>
                <wp:positionV relativeFrom="page">
                  <wp:posOffset>3407410</wp:posOffset>
                </wp:positionV>
                <wp:extent cx="4261485" cy="0"/>
                <wp:effectExtent l="6985" t="6985" r="8255" b="12065"/>
                <wp:wrapNone/>
                <wp:docPr id="4" name="Line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7DF84DF" id="Line 4" o:spid="_x0000_s1026" style="position:absolute;z-index:25166028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268.3pt" to="760.6pt,268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7ZUl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>Father’s name</w: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ab/>
        <w:t>Work phone number Cell phone number</w:t>
      </w:r>
    </w:p>
    <w:p w14:paraId="1DA9D074" w14:textId="77777777" w:rsidR="00DB698D" w:rsidRPr="00471B42" w:rsidRDefault="00396B31">
      <w:pPr>
        <w:spacing w:before="466" w:after="427" w:line="235" w:lineRule="exact"/>
        <w:ind w:left="72" w:right="72"/>
        <w:jc w:val="both"/>
        <w:textAlignment w:val="baseline"/>
        <w:rPr>
          <w:rFonts w:ascii="Arial" w:eastAsia="Tahoma" w:hAnsi="Arial" w:cs="Arial"/>
          <w:b/>
          <w:color w:val="000000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z w:val="16"/>
          <w:szCs w:val="16"/>
        </w:rPr>
        <w:t>In case of emergency contact (Please call the foll</w:t>
      </w:r>
      <w:r w:rsidR="00273D9A" w:rsidRPr="00471B42">
        <w:rPr>
          <w:rFonts w:ascii="Arial" w:eastAsia="Tahoma" w:hAnsi="Arial" w:cs="Arial"/>
          <w:b/>
          <w:color w:val="000000"/>
          <w:sz w:val="16"/>
          <w:szCs w:val="16"/>
        </w:rPr>
        <w:t>owing people if the parents can</w:t>
      </w:r>
      <w:r w:rsidRPr="00471B42">
        <w:rPr>
          <w:rFonts w:ascii="Arial" w:eastAsia="Tahoma" w:hAnsi="Arial" w:cs="Arial"/>
          <w:b/>
          <w:color w:val="000000"/>
          <w:sz w:val="16"/>
          <w:szCs w:val="16"/>
        </w:rPr>
        <w:t>not be reached.)</w:t>
      </w:r>
    </w:p>
    <w:p w14:paraId="16AEBDD2" w14:textId="77777777" w:rsidR="00DB698D" w:rsidRPr="00471B42" w:rsidRDefault="00396B31">
      <w:pPr>
        <w:tabs>
          <w:tab w:val="left" w:pos="2952"/>
          <w:tab w:val="left" w:pos="5112"/>
        </w:tabs>
        <w:spacing w:before="44" w:after="423" w:line="232" w:lineRule="exact"/>
        <w:ind w:left="72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Name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  <w:t>Relationship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  <w:t>Phone number</w:t>
      </w:r>
    </w:p>
    <w:p w14:paraId="48B4E64C" w14:textId="77777777" w:rsidR="00DB698D" w:rsidRPr="00471B42" w:rsidRDefault="008C24A6" w:rsidP="00273D9A">
      <w:pPr>
        <w:tabs>
          <w:tab w:val="left" w:pos="2952"/>
          <w:tab w:val="left" w:pos="5112"/>
        </w:tabs>
        <w:spacing w:before="44" w:line="232" w:lineRule="exact"/>
        <w:ind w:left="72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2FCEFD2F" wp14:editId="32D3B6E9">
                <wp:simplePos x="0" y="0"/>
                <wp:positionH relativeFrom="page">
                  <wp:posOffset>5398135</wp:posOffset>
                </wp:positionH>
                <wp:positionV relativeFrom="page">
                  <wp:posOffset>4898390</wp:posOffset>
                </wp:positionV>
                <wp:extent cx="4261485" cy="0"/>
                <wp:effectExtent l="6985" t="12065" r="8255" b="6985"/>
                <wp:wrapNone/>
                <wp:docPr id="2" name="Lin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C55DC9A" id="Line 2" o:spid="_x0000_s1026" style="position:absolute;z-index:25166233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385.7pt" to="760.6pt,385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cBQm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Tahoma" w:hAnsi="Arial" w:cs="Arial"/>
          <w:b/>
          <w:color w:val="000000"/>
          <w:sz w:val="16"/>
          <w:szCs w:val="16"/>
        </w:rPr>
        <w:t>Insurance</w:t>
      </w:r>
    </w:p>
    <w:p w14:paraId="5EF3D69C" w14:textId="77777777" w:rsidR="00DB698D" w:rsidRPr="00471B42" w:rsidRDefault="00DB698D">
      <w:pPr>
        <w:rPr>
          <w:rFonts w:ascii="Arial" w:hAnsi="Arial" w:cs="Arial"/>
          <w:sz w:val="16"/>
          <w:szCs w:val="16"/>
        </w:rPr>
        <w:sectPr w:rsidR="00DB698D" w:rsidRPr="00471B42">
          <w:pgSz w:w="15840" w:h="12240" w:orient="landscape"/>
          <w:pgMar w:top="484" w:right="564" w:bottom="140" w:left="360" w:header="720" w:footer="720" w:gutter="0"/>
          <w:cols w:num="2" w:space="0" w:equalWidth="0">
            <w:col w:w="6840" w:space="1236"/>
            <w:col w:w="6840" w:space="0"/>
          </w:cols>
        </w:sectPr>
      </w:pPr>
    </w:p>
    <w:tbl>
      <w:tblPr>
        <w:tblW w:w="0" w:type="auto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756"/>
        <w:gridCol w:w="414"/>
        <w:gridCol w:w="4708"/>
        <w:gridCol w:w="58"/>
        <w:gridCol w:w="1905"/>
        <w:gridCol w:w="119"/>
      </w:tblGrid>
      <w:tr w:rsidR="00DB698D" w:rsidRPr="00471B42" w14:paraId="157F553D" w14:textId="77777777">
        <w:trPr>
          <w:trHeight w:hRule="exact" w:val="713"/>
        </w:trPr>
        <w:tc>
          <w:tcPr>
            <w:tcW w:w="7756" w:type="dxa"/>
            <w:vMerge w:val="restart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193BD2E1" w14:textId="504F394A" w:rsidR="00DB698D" w:rsidRPr="00471B42" w:rsidRDefault="00396B31">
            <w:pPr>
              <w:spacing w:before="163" w:line="257" w:lineRule="exact"/>
              <w:ind w:left="1008" w:right="648" w:hanging="1008"/>
              <w:textAlignment w:val="baseline"/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COSTS: 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$</w:t>
            </w:r>
            <w:r w:rsidR="00437540"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20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0 Club fee includes: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 xml:space="preserve"> Payments to: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The </w:t>
            </w:r>
            <w:proofErr w:type="gramStart"/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>P</w:t>
            </w:r>
            <w:r w:rsidR="008E6196"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eninsula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 Wrestling</w:t>
            </w:r>
            <w:proofErr w:type="gramEnd"/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 Club *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USA Wrestling C</w:t>
            </w:r>
            <w:r w:rsidR="00437540"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ompetitor’s Membership Card ($</w:t>
            </w:r>
            <w:r w:rsidR="00471B42"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50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 xml:space="preserve"> value)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>*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Experienced &amp; qualified instruction</w:t>
            </w:r>
          </w:p>
          <w:p w14:paraId="07B60692" w14:textId="4EC30974" w:rsidR="008E6196" w:rsidRPr="00471B42" w:rsidRDefault="008E6196" w:rsidP="008E6196">
            <w:pPr>
              <w:spacing w:line="259" w:lineRule="exact"/>
              <w:ind w:left="1008"/>
              <w:textAlignment w:val="baseline"/>
              <w:rPr>
                <w:rFonts w:ascii="Arial" w:eastAsia="Arial" w:hAnsi="Arial" w:cs="Arial"/>
                <w:color w:val="000000"/>
                <w:spacing w:val="-6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*Sessions for </w:t>
            </w:r>
            <w:r w:rsidR="00437540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Sept</w:t>
            </w:r>
            <w:r w:rsidR="00273D9A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-Nov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, Jan &amp;</w:t>
            </w:r>
            <w:r w:rsidR="00273D9A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, Mar-</w:t>
            </w:r>
            <w:proofErr w:type="gramStart"/>
            <w:r w:rsidR="00273D9A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June</w:t>
            </w:r>
            <w:r w:rsidR="00421481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  </w:t>
            </w:r>
            <w:r w:rsidR="00396B31" w:rsidRPr="00471B42">
              <w:rPr>
                <w:rFonts w:ascii="Arial" w:eastAsia="Arial" w:hAnsi="Arial" w:cs="Arial"/>
                <w:color w:val="000000"/>
                <w:spacing w:val="-6"/>
                <w:sz w:val="16"/>
                <w:szCs w:val="16"/>
              </w:rPr>
              <w:t>*</w:t>
            </w:r>
            <w:proofErr w:type="gramEnd"/>
            <w:r w:rsidR="00396B31" w:rsidRPr="00471B42">
              <w:rPr>
                <w:rFonts w:ascii="Arial" w:eastAsia="Arial" w:hAnsi="Arial" w:cs="Arial"/>
                <w:color w:val="000000"/>
                <w:spacing w:val="-6"/>
                <w:sz w:val="16"/>
                <w:szCs w:val="16"/>
              </w:rPr>
              <w:t>Team gear and socials</w:t>
            </w:r>
          </w:p>
          <w:p w14:paraId="6D26B387" w14:textId="710508F2" w:rsidR="00DB698D" w:rsidRPr="00471B42" w:rsidRDefault="00396B31" w:rsidP="008E6196">
            <w:pPr>
              <w:spacing w:line="259" w:lineRule="exact"/>
              <w:ind w:left="1008"/>
              <w:textAlignment w:val="baseline"/>
              <w:rPr>
                <w:rFonts w:ascii="Arial" w:eastAsia="Tahoma" w:hAnsi="Arial" w:cs="Arial"/>
                <w:b/>
                <w:color w:val="000000"/>
                <w:spacing w:val="-3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pacing w:val="-3"/>
                <w:sz w:val="16"/>
                <w:szCs w:val="16"/>
              </w:rPr>
              <w:t xml:space="preserve">STAFF: </w:t>
            </w:r>
            <w:r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Mike Klobuchar</w:t>
            </w:r>
            <w:r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ab/>
            </w:r>
            <w:r w:rsidR="008E6196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 xml:space="preserve">              </w:t>
            </w:r>
            <w:r w:rsidR="00975182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A</w:t>
            </w:r>
            <w:r w:rsidR="00153664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 xml:space="preserve">ndre </w:t>
            </w:r>
            <w:proofErr w:type="spellStart"/>
            <w:r w:rsidR="00153664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Monney</w:t>
            </w:r>
            <w:proofErr w:type="spellEnd"/>
          </w:p>
          <w:p w14:paraId="00C22D7F" w14:textId="1F773B8D" w:rsidR="00DB698D" w:rsidRPr="00471B42" w:rsidRDefault="00153664">
            <w:pPr>
              <w:tabs>
                <w:tab w:val="left" w:pos="4320"/>
              </w:tabs>
              <w:spacing w:before="3" w:line="232" w:lineRule="exact"/>
              <w:ind w:left="1008"/>
              <w:textAlignment w:val="baseline"/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(</w:t>
            </w:r>
            <w:r w:rsidR="00437540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650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) 3</w:t>
            </w:r>
            <w:r w:rsidR="00B56F13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82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-</w:t>
            </w:r>
            <w:r w:rsidR="00B56F13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3705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                                 </w:t>
            </w:r>
            <w:proofErr w:type="gramStart"/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   (</w:t>
            </w:r>
            <w:proofErr w:type="gramEnd"/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650) </w:t>
            </w:r>
            <w:r w:rsidR="009E295C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667.0186</w:t>
            </w:r>
          </w:p>
          <w:p w14:paraId="34580088" w14:textId="77777777" w:rsidR="00DB698D" w:rsidRPr="00471B42" w:rsidRDefault="00421481" w:rsidP="000A58DB">
            <w:pPr>
              <w:tabs>
                <w:tab w:val="left" w:pos="4320"/>
              </w:tabs>
              <w:spacing w:before="20" w:after="5" w:line="263" w:lineRule="exact"/>
              <w:ind w:left="1008"/>
              <w:textAlignment w:val="baseline"/>
              <w:rPr>
                <w:rFonts w:ascii="Arial" w:hAnsi="Arial" w:cs="Arial"/>
                <w:sz w:val="16"/>
                <w:szCs w:val="16"/>
              </w:rPr>
            </w:pPr>
            <w:hyperlink r:id="rId16" w:history="1">
              <w:r w:rsidR="000A58DB" w:rsidRPr="00471B42">
                <w:rPr>
                  <w:rStyle w:val="Hyperlink"/>
                  <w:rFonts w:ascii="Arial" w:eastAsia="Arial" w:hAnsi="Arial" w:cs="Arial"/>
                  <w:b/>
                  <w:spacing w:val="-5"/>
                  <w:sz w:val="16"/>
                  <w:szCs w:val="16"/>
                </w:rPr>
                <w:t>peninsulawrestlingclub@gmail.com</w:t>
              </w:r>
            </w:hyperlink>
            <w:r w:rsidR="00153664" w:rsidRPr="00471B42">
              <w:rPr>
                <w:rFonts w:ascii="Arial" w:hAnsi="Arial" w:cs="Arial"/>
                <w:sz w:val="16"/>
                <w:szCs w:val="16"/>
              </w:rPr>
              <w:t xml:space="preserve">     </w:t>
            </w:r>
            <w:hyperlink r:id="rId17" w:history="1">
              <w:r w:rsidR="00446EF8" w:rsidRPr="00471B42">
                <w:rPr>
                  <w:rStyle w:val="Hyperlink"/>
                  <w:rFonts w:ascii="Arial" w:hAnsi="Arial" w:cs="Arial"/>
                  <w:sz w:val="16"/>
                  <w:szCs w:val="16"/>
                </w:rPr>
                <w:t>andre.monney@yahoo.com</w:t>
              </w:r>
            </w:hyperlink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2F193F5E" w14:textId="77777777" w:rsidR="00DB698D" w:rsidRPr="00471B42" w:rsidRDefault="00AA357F">
            <w:pPr>
              <w:rPr>
                <w:rFonts w:ascii="Arial" w:hAnsi="Arial" w:cs="Arial"/>
                <w:sz w:val="16"/>
                <w:szCs w:val="16"/>
              </w:rPr>
            </w:pPr>
            <w:r w:rsidRPr="00471B42">
              <w:rPr>
                <w:rFonts w:ascii="Arial" w:hAnsi="Arial" w:cs="Arial"/>
                <w:sz w:val="16"/>
                <w:szCs w:val="16"/>
              </w:rPr>
              <w:t xml:space="preserve">  </w:t>
            </w:r>
          </w:p>
        </w:tc>
        <w:tc>
          <w:tcPr>
            <w:tcW w:w="6671" w:type="dxa"/>
            <w:gridSpan w:val="3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76A0D5F2" w14:textId="77777777" w:rsidR="00DB698D" w:rsidRPr="00471B42" w:rsidRDefault="00396B31">
            <w:pPr>
              <w:tabs>
                <w:tab w:val="left" w:pos="2880"/>
                <w:tab w:val="left" w:pos="5040"/>
              </w:tabs>
              <w:spacing w:before="44" w:after="427" w:line="232" w:lineRule="exact"/>
              <w:textAlignment w:val="baseline"/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>Medical Insurance Co.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hone number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olicy number</w:t>
            </w:r>
          </w:p>
        </w:tc>
        <w:tc>
          <w:tcPr>
            <w:tcW w:w="119" w:type="dxa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133C907A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DB698D" w:rsidRPr="00471B42" w14:paraId="32DBEA8A" w14:textId="77777777">
        <w:trPr>
          <w:trHeight w:hRule="exact" w:val="403"/>
        </w:trPr>
        <w:tc>
          <w:tcPr>
            <w:tcW w:w="7756" w:type="dxa"/>
            <w:vMerge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0F5D27C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0198CA46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6671" w:type="dxa"/>
            <w:gridSpan w:val="3"/>
            <w:tcBorders>
              <w:top w:val="single" w:sz="5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D949022" w14:textId="77777777" w:rsidR="00DB698D" w:rsidRPr="00471B42" w:rsidRDefault="00396B31">
            <w:pPr>
              <w:tabs>
                <w:tab w:val="left" w:pos="2880"/>
                <w:tab w:val="left" w:pos="5040"/>
              </w:tabs>
              <w:spacing w:before="37" w:after="125" w:line="232" w:lineRule="exact"/>
              <w:textAlignment w:val="baseline"/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>Dentist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hone number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olicy number</w:t>
            </w:r>
          </w:p>
        </w:tc>
        <w:tc>
          <w:tcPr>
            <w:tcW w:w="119" w:type="dxa"/>
            <w:tcBorders>
              <w:top w:val="single" w:sz="5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276A44BE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DB698D" w:rsidRPr="00471B42" w14:paraId="6A759B99" w14:textId="77777777">
        <w:trPr>
          <w:trHeight w:hRule="exact" w:val="769"/>
        </w:trPr>
        <w:tc>
          <w:tcPr>
            <w:tcW w:w="7756" w:type="dxa"/>
            <w:vMerge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39C18ED8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191BEB9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708" w:type="dxa"/>
            <w:tcBorders>
              <w:top w:val="none" w:sz="0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5F4E9945" w14:textId="77777777" w:rsidR="00DB698D" w:rsidRPr="00471B42" w:rsidRDefault="00396B31">
            <w:pPr>
              <w:spacing w:before="92" w:after="441" w:line="235" w:lineRule="exact"/>
              <w:ind w:left="5"/>
              <w:textAlignment w:val="baseline"/>
              <w:rPr>
                <w:rFonts w:ascii="Arial" w:eastAsia="Tahoma" w:hAnsi="Arial" w:cs="Arial"/>
                <w:b/>
                <w:color w:val="000000"/>
                <w:spacing w:val="4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pacing w:val="4"/>
                <w:sz w:val="16"/>
                <w:szCs w:val="16"/>
              </w:rPr>
              <w:t>Allergies or limitations:</w:t>
            </w:r>
          </w:p>
        </w:tc>
        <w:tc>
          <w:tcPr>
            <w:tcW w:w="58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655AD2A4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905" w:type="dxa"/>
            <w:tcBorders>
              <w:top w:val="none" w:sz="0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684FD0F7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9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9108971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</w:tbl>
    <w:p w14:paraId="6C5DA5E4" w14:textId="77777777" w:rsidR="00D03CFF" w:rsidRPr="00471B42" w:rsidRDefault="00D03CFF" w:rsidP="005F2AF8">
      <w:pPr>
        <w:rPr>
          <w:rFonts w:ascii="Arial" w:hAnsi="Arial" w:cs="Arial"/>
          <w:sz w:val="16"/>
          <w:szCs w:val="16"/>
        </w:rPr>
      </w:pPr>
    </w:p>
    <w:sectPr w:rsidR="00D03CFF" w:rsidRPr="00471B42" w:rsidSect="00DB698D">
      <w:type w:val="continuous"/>
      <w:pgSz w:w="15840" w:h="12240" w:orient="landscape"/>
      <w:pgMar w:top="484" w:right="549" w:bottom="140" w:left="331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5A45DB" w14:textId="77777777" w:rsidR="00D621B4" w:rsidRDefault="00D621B4" w:rsidP="00AA357F">
      <w:r>
        <w:separator/>
      </w:r>
    </w:p>
  </w:endnote>
  <w:endnote w:type="continuationSeparator" w:id="0">
    <w:p w14:paraId="402DECA0" w14:textId="77777777" w:rsidR="00D621B4" w:rsidRDefault="00D621B4" w:rsidP="00AA357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PMingLiU">
    <w:altName w:val="PMingLiU"/>
    <w:panose1 w:val="02010601000101010101"/>
    <w:charset w:val="88"/>
    <w:family w:val="roman"/>
    <w:pitch w:val="variable"/>
    <w:sig w:usb0="A00002FF" w:usb1="28CFFCFA" w:usb2="00000016" w:usb3="00000000" w:csb0="001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ntTable1.xml><?xml version="1.0" encoding="utf-8"?>
<w:fonts xmlns:w="http://schemas.openxmlformats.org/wordprocessingml/2006/main" xmlns:r="http://schemas.openxmlformats.org/officeDocument/2006/relationships" xmlns:m="http://schemas.openxmlformats.org/officeDocument/2006/math" xmlns:o="urn:schemas-microsoft-com:office:office" xmlns:v="urn:schemas-microsoft-com:vml" xmlns:wp="http://schemas.openxmlformats.org/drawingml/2006/wordprocessingDrawing" xmlns:a="http://schemas.openxmlformats.org/drawingml/2006/main" xmlns:pic="http://schemas.openxmlformats.org/drawingml/2006/picture" xmlns:w10="urn:schemas-microsoft-com:office:word">
  <w:font w:name="Arial">
    <w:charset w:val="00"/>
    <w:pitch w:val="variable"/>
    <w:family w:val="swiss"/>
    <w:panose1 w:val="02020603050405020304"/>
  </w:font>
  <w:font w:name="Tahoma">
    <w:charset w:val="00"/>
    <w:pitch w:val="variable"/>
    <w:family w:val="swiss"/>
    <w:panose1 w:val="02020603050405020304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0BA424E" w14:textId="77777777" w:rsidR="00EF14B4" w:rsidRDefault="00EF14B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5A61B3E" w14:textId="77777777" w:rsidR="00EF14B4" w:rsidRDefault="00EF14B4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518D2" w14:textId="77777777" w:rsidR="00EF14B4" w:rsidRDefault="00EF14B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1947A2F" w14:textId="77777777" w:rsidR="00D621B4" w:rsidRDefault="00D621B4" w:rsidP="00AA357F">
      <w:r>
        <w:separator/>
      </w:r>
    </w:p>
  </w:footnote>
  <w:footnote w:type="continuationSeparator" w:id="0">
    <w:p w14:paraId="6671A5FB" w14:textId="77777777" w:rsidR="00D621B4" w:rsidRDefault="00D621B4" w:rsidP="00AA357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9EE1A4B" w14:textId="77777777" w:rsidR="00EF14B4" w:rsidRDefault="00EF14B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F39DB5E" w14:textId="77777777" w:rsidR="00EF14B4" w:rsidRDefault="00EF14B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BF4014" w14:textId="77777777" w:rsidR="00EF14B4" w:rsidRDefault="00EF14B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B698D"/>
    <w:rsid w:val="000A58DB"/>
    <w:rsid w:val="000A7F66"/>
    <w:rsid w:val="001008A2"/>
    <w:rsid w:val="00153664"/>
    <w:rsid w:val="0015625F"/>
    <w:rsid w:val="0017244F"/>
    <w:rsid w:val="001C6B6D"/>
    <w:rsid w:val="00273D9A"/>
    <w:rsid w:val="00287203"/>
    <w:rsid w:val="002D19C9"/>
    <w:rsid w:val="00396B31"/>
    <w:rsid w:val="00421481"/>
    <w:rsid w:val="00437540"/>
    <w:rsid w:val="00446EF8"/>
    <w:rsid w:val="00471B42"/>
    <w:rsid w:val="00532888"/>
    <w:rsid w:val="005B05B9"/>
    <w:rsid w:val="005B413B"/>
    <w:rsid w:val="005F2AF8"/>
    <w:rsid w:val="006A3DBF"/>
    <w:rsid w:val="0074350E"/>
    <w:rsid w:val="008A58C7"/>
    <w:rsid w:val="008B3431"/>
    <w:rsid w:val="008C0958"/>
    <w:rsid w:val="008C24A6"/>
    <w:rsid w:val="008E540D"/>
    <w:rsid w:val="008E6196"/>
    <w:rsid w:val="008E6284"/>
    <w:rsid w:val="00937398"/>
    <w:rsid w:val="009742EE"/>
    <w:rsid w:val="00975182"/>
    <w:rsid w:val="009D66C8"/>
    <w:rsid w:val="009E295C"/>
    <w:rsid w:val="00AA357F"/>
    <w:rsid w:val="00B4396D"/>
    <w:rsid w:val="00B56F13"/>
    <w:rsid w:val="00B73AFC"/>
    <w:rsid w:val="00BA26B3"/>
    <w:rsid w:val="00C016F5"/>
    <w:rsid w:val="00C43BA7"/>
    <w:rsid w:val="00D03CFF"/>
    <w:rsid w:val="00D621B4"/>
    <w:rsid w:val="00DB698D"/>
    <w:rsid w:val="00E351D1"/>
    <w:rsid w:val="00E675CF"/>
    <w:rsid w:val="00E747D1"/>
    <w:rsid w:val="00EC2A94"/>
    <w:rsid w:val="00EF14B4"/>
    <w:rsid w:val="00F15C7D"/>
    <w:rsid w:val="00F717C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."/>
  <w:listSeparator w:val=","/>
  <w14:docId w14:val="34E20CB4"/>
  <w15:docId w15:val="{DACFE06C-1792-4C94-A1C0-A13107288A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PMingLiU" w:hAnsi="Times New Roman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3288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E6196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E619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8E6196"/>
    <w:rPr>
      <w:color w:val="0000FF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AA357F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AA357F"/>
  </w:style>
  <w:style w:type="paragraph" w:styleId="Footer">
    <w:name w:val="footer"/>
    <w:basedOn w:val="Normal"/>
    <w:link w:val="FooterChar"/>
    <w:uiPriority w:val="99"/>
    <w:unhideWhenUsed/>
    <w:rsid w:val="00AA357F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AA357F"/>
  </w:style>
  <w:style w:type="character" w:styleId="Mention">
    <w:name w:val="Mention"/>
    <w:basedOn w:val="DefaultParagraphFont"/>
    <w:uiPriority w:val="99"/>
    <w:semiHidden/>
    <w:unhideWhenUsed/>
    <w:rsid w:val="00975182"/>
    <w:rPr>
      <w:color w:val="2B579A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oter" Target="footer2.xml"/><Relationship Id="rId1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yperlink" Target="http://www.peninsulawrestlingclub.com" TargetMode="External"/><Relationship Id="rId12" Type="http://schemas.openxmlformats.org/officeDocument/2006/relationships/footer" Target="footer1.xml"/><Relationship Id="rId17" Type="http://schemas.openxmlformats.org/officeDocument/2006/relationships/hyperlink" Target="mailto:andre.monney@yahoo.com" TargetMode="External"/><Relationship Id="rId2" Type="http://schemas.openxmlformats.org/officeDocument/2006/relationships/settings" Target="settings.xml"/><Relationship Id="rId16" Type="http://schemas.openxmlformats.org/officeDocument/2006/relationships/hyperlink" Target="mailto:peninsulawrestlingclub@gmail.com" TargetMode="External"/><Relationship Id="drId2" Type="http://schemas.openxmlformats.org/wordprocessingml/2006/fontTable" Target="fontTable1.xml"/><Relationship Id="rId1" Type="http://schemas.openxmlformats.org/officeDocument/2006/relationships/styles" Target="styles.xml"/><Relationship Id="rId6" Type="http://schemas.openxmlformats.org/officeDocument/2006/relationships/hyperlink" Target="http://www.peninsulawrestlingclub.com" TargetMode="External"/><Relationship Id="rId11" Type="http://schemas.openxmlformats.org/officeDocument/2006/relationships/header" Target="header2.xml"/><Relationship Id="rId5" Type="http://schemas.openxmlformats.org/officeDocument/2006/relationships/endnotes" Target="endnote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19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image" Target="media/image10.jpeg"/><Relationship Id="rId14" Type="http://schemas.openxmlformats.org/officeDocument/2006/relationships/header" Target="head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2</Pages>
  <Words>753</Words>
  <Characters>4296</Characters>
  <Application>Microsoft Office Word</Application>
  <DocSecurity>0</DocSecurity>
  <Lines>35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ybase, Inc.</Company>
  <LinksUpToDate>false</LinksUpToDate>
  <CharactersWithSpaces>50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lobuchar, Mike</dc:creator>
  <cp:lastModifiedBy>Klobuchar, Mike</cp:lastModifiedBy>
  <cp:revision>2</cp:revision>
  <cp:lastPrinted>2016-10-18T18:55:00Z</cp:lastPrinted>
  <dcterms:created xsi:type="dcterms:W3CDTF">2022-08-22T22:24:00Z</dcterms:created>
  <dcterms:modified xsi:type="dcterms:W3CDTF">2022-08-22T22:24:00Z</dcterms:modified>
</cp:coreProperties>
</file>